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7. Katka\2021_556. Digitálny RTG prístroj so stropným závesom\03. Príprava\04. Právne\"/>
    </mc:Choice>
  </mc:AlternateContent>
  <bookViews>
    <workbookView xWindow="-120" yWindow="-120" windowWidth="24240" windowHeight="13140"/>
  </bookViews>
  <sheets>
    <sheet name="Cenová ponuka" sheetId="8" r:id="rId1"/>
  </sheets>
  <definedNames>
    <definedName name="_xlnm.Print_Area" localSheetId="0">'Cenová ponuka'!$A$1:$G$189</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53" uniqueCount="288">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Príloha č. 1</t>
  </si>
  <si>
    <t xml:space="preserve">3.1.a)  Rozdelenie na časti: </t>
  </si>
  <si>
    <t>3.1.b)  Zoznam položiek:</t>
  </si>
  <si>
    <t>Poradové číslo</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 xml:space="preserve">Požadované minimálne osobitné požiadavky na predmet zákazky:
</t>
  </si>
  <si>
    <t>Hodnota parametra</t>
  </si>
  <si>
    <t>Minimum</t>
  </si>
  <si>
    <t>Maximum</t>
  </si>
  <si>
    <t xml:space="preserve">Digitálny RTG prístroj so stropným závesom </t>
  </si>
  <si>
    <t>Digitálny RTG prístroj so stropným závesom slúži na vyšetrenie pacientov v ľahu v stoji a na lôžku.</t>
  </si>
  <si>
    <t xml:space="preserve">Položka č.1 - Digitálny RTG prístroj so stropným závesom </t>
  </si>
  <si>
    <t>1. Základné údaje</t>
  </si>
  <si>
    <t>Digitálny RTG prístroj so stropným závesom</t>
  </si>
  <si>
    <t xml:space="preserve">Typ prístroja: stropný </t>
  </si>
  <si>
    <t>Počet detektorov: min. 2</t>
  </si>
  <si>
    <t xml:space="preserve">2. RTG generátor </t>
  </si>
  <si>
    <t>60 KW</t>
  </si>
  <si>
    <t>Rozsah napätia:</t>
  </si>
  <si>
    <t>Vysokofrekvenčný generátor s výkonom:</t>
  </si>
  <si>
    <t>40 kV</t>
  </si>
  <si>
    <t>150 kV</t>
  </si>
  <si>
    <t>Rozsah prúdu:</t>
  </si>
  <si>
    <t>10 mA</t>
  </si>
  <si>
    <t>500 mA</t>
  </si>
  <si>
    <t xml:space="preserve">Rozsah nastavenia mAs: </t>
  </si>
  <si>
    <t>0,5 mAs</t>
  </si>
  <si>
    <t>500 mAs</t>
  </si>
  <si>
    <t>3. RTG žiarič</t>
  </si>
  <si>
    <t>RTG žiarič je umiestnený na stropnom závese</t>
  </si>
  <si>
    <t>RTG žiarič s rotačnou anódou s dvomi ohniskami</t>
  </si>
  <si>
    <t>0,6 mm</t>
  </si>
  <si>
    <t>Veľkosť malého ohniska:</t>
  </si>
  <si>
    <t xml:space="preserve"> 1 mm</t>
  </si>
  <si>
    <t>Veľkosť veľkého ohniska:</t>
  </si>
  <si>
    <t>Tepelná kapacita RTG žiariča:</t>
  </si>
  <si>
    <t>300 kHU</t>
  </si>
  <si>
    <t>Meranie celkovej dávky žiarenia na pacienta: DAP meter automaticky prenos dát do PACS</t>
  </si>
  <si>
    <t>Automaticky kolimátor</t>
  </si>
  <si>
    <t>Manuálny kolimátor</t>
  </si>
  <si>
    <t xml:space="preserve">Svetelný zameriavač na centráciu </t>
  </si>
  <si>
    <t>4. Stropný záves ( statív )</t>
  </si>
  <si>
    <t>Stropný záves RTG žiariča na koľajniciach s voľným pohybom po vyšetrovacej miestnosti</t>
  </si>
  <si>
    <t>Pozdĺžny posun stropného závesu:</t>
  </si>
  <si>
    <t>3000 mm</t>
  </si>
  <si>
    <t>Priečny posun stropného závesu:</t>
  </si>
  <si>
    <t>2000 mm</t>
  </si>
  <si>
    <t xml:space="preserve">Rozsah vertikálneho pohybu RTG lampy: </t>
  </si>
  <si>
    <t>1500 mm</t>
  </si>
  <si>
    <t xml:space="preserve"> +/- 130° </t>
  </si>
  <si>
    <t>Vertikálna rotácia RTG lampy:</t>
  </si>
  <si>
    <t>Pohyb RTG žiariča musí byť synchrónny s pohybom detektora  - autotracking</t>
  </si>
  <si>
    <t>Displej na kolimátore má zobrazovať minimálne: expozične údaje, uhol náklonu RTG žiariča, SID</t>
  </si>
  <si>
    <t xml:space="preserve">Ovládanie základných funkcií od vyšetrovacieho stola a aj z ovládacej miestnosti </t>
  </si>
  <si>
    <t>5. Vyšetrovací stôl</t>
  </si>
  <si>
    <t>Pevný, motorizovaným pohybom s plávajúcou úložnou doskou a Bucky clonou</t>
  </si>
  <si>
    <t xml:space="preserve">Pozdĺžny pohyb plávajúcej dosky: </t>
  </si>
  <si>
    <t>45 cm</t>
  </si>
  <si>
    <t>Priečny pohyb plávajúcej dosky:</t>
  </si>
  <si>
    <t>12 cm</t>
  </si>
  <si>
    <t xml:space="preserve">Nosnosť stola: </t>
  </si>
  <si>
    <t>200 kg</t>
  </si>
  <si>
    <t xml:space="preserve">Rozmery plávajúcej dosky: </t>
  </si>
  <si>
    <t>200 cm x 75cm</t>
  </si>
  <si>
    <t>Expozičná automatika AEC</t>
  </si>
  <si>
    <t xml:space="preserve">Minimálna výška stola: ≤ 60 cm </t>
  </si>
  <si>
    <t>Maximálna výška stola: ≥ 90 cm</t>
  </si>
  <si>
    <t>6. Vertigraf</t>
  </si>
  <si>
    <t>Ručné, alebo motorické ovládanie pohybu vertigrafu pre jednoduché nastavenie pozície z vyšetrovne</t>
  </si>
  <si>
    <t xml:space="preserve">Držiak na ruky pre snímkovanie pacientov </t>
  </si>
  <si>
    <t>Naklápanie detektora v rozmedzí: -20° do +90°</t>
  </si>
  <si>
    <t>Vzdialenosť najnižšieho bodu od podlahy ( stred detektora ):  ≤ 350mm</t>
  </si>
  <si>
    <t>Vzdialenosť najvyššieho bodu od podlahy ( stred detektora ): ≥ 1500 mm</t>
  </si>
  <si>
    <t>7. Detektor</t>
  </si>
  <si>
    <t>Typ detektora: Csl</t>
  </si>
  <si>
    <t xml:space="preserve">Automatické nabíjanie akumulátora detektoru, alebo nabíjačka s min. 2 akumulátormi pre detektor </t>
  </si>
  <si>
    <t>Veľkosť detektora ekvivalent kazety 43 x 43 cm: min. 35 x 43 cm</t>
  </si>
  <si>
    <t>Aktívna plocha detektora: min.33,5 x 42 cm</t>
  </si>
  <si>
    <t xml:space="preserve">14bit. </t>
  </si>
  <si>
    <t>150μm</t>
  </si>
  <si>
    <t xml:space="preserve">Rozlíšenie – rozsah šedi: </t>
  </si>
  <si>
    <t>Veľkosť pixla:</t>
  </si>
  <si>
    <t>8. Akvizičná stanica</t>
  </si>
  <si>
    <t>19 palcov</t>
  </si>
  <si>
    <t>Rozlíšenie monitora:</t>
  </si>
  <si>
    <t>LCD monitor akvizičnej stanice:</t>
  </si>
  <si>
    <t>1280 x 1024</t>
  </si>
  <si>
    <t>Zabudované CD / DVD alebo USB rozhranie</t>
  </si>
  <si>
    <t>Operačný systém: Windows , alebo Linux</t>
  </si>
  <si>
    <t>Úložný priestor na HDD: min. 150 GB, alebo pamäť na min. 10 000 obrazov v DICOM formáte</t>
  </si>
  <si>
    <t>Veľkosť operačnej  pamäte RAM: min. 4 GB, v prípade operačného systému Linux min. 2 GB</t>
  </si>
  <si>
    <t>Minimálne DICOM verzia 3 alebo novšia, Dicom Worklist, Dicom Send, Dicom MPPS, Dicom Storage Commitment, Dicom zasielanie snímiek na PACS</t>
  </si>
  <si>
    <t>Voľba typu vyšetrenia z ovládacej konzoly (orgánové programy)</t>
  </si>
  <si>
    <t>10 sekúnd</t>
  </si>
  <si>
    <t>Čas zobrazenia snímky po expozícii:</t>
  </si>
  <si>
    <t>Čas cyklu – možnosť snímkovať ďalšiu expozíciu:</t>
  </si>
  <si>
    <t>Akvizičná stanica umožňuje digitálne spracovanie obrazu minimálne nasledovnými funkciami: jas, kontrast, zrnitosť, šum, inverzia v škále šedej, zoom, rotácia snímky, meranie uhlov a vzdialenosti,  výber anatomického pohľadu, elektronická clony, vloženie poznámky, zobrazenie dávky žiarenia na kožu v mGy</t>
  </si>
  <si>
    <t>33111000-1 - Röntgenové prístroje</t>
  </si>
  <si>
    <t>+/- 120°</t>
  </si>
  <si>
    <t xml:space="preserve">Horizontálna rotácia RTG lampy: </t>
  </si>
  <si>
    <t>Počet detektorov min. 2
- jeden detektor vo vertigrafe, 
- jeden detektor v Bucky stole. 
Jeden z nich musí byť mobilný bezdrôtový s držiakom a ochranným  krytom.</t>
  </si>
  <si>
    <r>
      <t>Potvrdenie ŠÚKL (</t>
    </r>
    <r>
      <rPr>
        <sz val="10"/>
        <color theme="1"/>
        <rFont val="Arial"/>
        <family val="2"/>
        <charset val="238"/>
      </rPr>
      <t xml:space="preserve">výstup z databázy registrovaných/evidovaných zdravotníckych pomôcok), resp. iné doklady, ktoré nahrádzajú požadované potvrdenie. </t>
    </r>
  </si>
  <si>
    <t>6.4</t>
  </si>
  <si>
    <r>
      <rPr>
        <b/>
        <sz val="10"/>
        <color theme="1"/>
        <rFont val="Arial"/>
        <family val="2"/>
        <charset val="238"/>
      </rPr>
      <t>Povolenie na dovoz, vývoz, predaj a distribúciu zdrojov ionizujúceho žiarenia</t>
    </r>
    <r>
      <rPr>
        <sz val="10"/>
        <color theme="1"/>
        <rFont val="Arial"/>
        <family val="2"/>
        <charset val="238"/>
      </rPr>
      <t xml:space="preserve">. Rovnako ako aj </t>
    </r>
    <r>
      <rPr>
        <b/>
        <sz val="10"/>
        <color theme="1"/>
        <rFont val="Arial"/>
        <family val="2"/>
        <charset val="238"/>
      </rPr>
      <t>povolenie na inštaláciu a servis zdrojov ionizujúceho žiarenia</t>
    </r>
    <r>
      <rPr>
        <sz val="10"/>
        <color theme="1"/>
        <rFont val="Arial"/>
        <family val="2"/>
        <charset val="238"/>
      </rPr>
      <t>, vydané Úradom verejného zdravotníctva SR - zákon 355/2007 Z.z.</t>
    </r>
  </si>
  <si>
    <t>Na snímke musia byť znázornené nasledovne údaje: názov nemocnice, meno priezvisko a dátum narodenia pacienta, dátum a čas vyšetrenia, anatomický pohľad, hodnoty kontrastu, jasu, expozičné hodnoty – kV, mA, mAs, poznámky RTG technika.</t>
  </si>
  <si>
    <t>8.12</t>
  </si>
  <si>
    <t>6.5</t>
  </si>
  <si>
    <r>
      <rPr>
        <b/>
        <sz val="10"/>
        <rFont val="Arial"/>
        <family val="2"/>
        <charset val="238"/>
      </rPr>
      <t>Technologický projekt</t>
    </r>
    <r>
      <rPr>
        <sz val="10"/>
        <rFont val="Arial"/>
        <family val="2"/>
        <charset val="238"/>
      </rPr>
      <t xml:space="preserve"> s prípadnými stavebnými úpravami</t>
    </r>
  </si>
  <si>
    <t>Požaduje sa uzatvorenie kúpnej zmluvy.</t>
  </si>
  <si>
    <t>1.</t>
  </si>
  <si>
    <t>2.</t>
  </si>
  <si>
    <t>v pracovných dňoch,</t>
  </si>
  <si>
    <t>v čase od 08:00 hod. do 14:30 hod.,</t>
  </si>
  <si>
    <t>2.1.</t>
  </si>
  <si>
    <t>2.2.</t>
  </si>
  <si>
    <t>2.3.</t>
  </si>
  <si>
    <t>2.4.</t>
  </si>
  <si>
    <t>2.5.</t>
  </si>
  <si>
    <t>2.6.</t>
  </si>
  <si>
    <t xml:space="preserve">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Súčasťou záväzku dodávateľa je zároveň poskytnutie písomných dokladov potrebných pre riadne a bezchybné použitie zariadenia na stanovený účel, a to najmä, no nie len výlučne: návod na použitie zariadenia v slovenskom jazyku, záručný list, preberací (akceptačný) protokol, inštalačný protokol, protokol o zaškolení zamestnancov objednávateľa s obsluhou prístroja.</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je povinný k faktúre vždy priložiť kópiu objednávky (ak bola vyhotovená) objednávateľa ako povinnú prílohu faktúry. Dodávateľ je rovnako povinný k faktúre priložiť kópiu dodacieho listu ako jej povinnú prílohu, okrem prípadov, kedy je faktúra doručená zároveň s dodacím listom. </t>
  </si>
  <si>
    <t>3.</t>
  </si>
  <si>
    <t>4.</t>
  </si>
  <si>
    <t>5.</t>
  </si>
  <si>
    <t>6.</t>
  </si>
  <si>
    <t>7.</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kúpnej zmluv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 Za deň splnenia peňažného záväzku sa považuje deň odpísania dlžnej sumy z účtu objednávateľa v prospech účtu dodávateľa.</t>
  </si>
  <si>
    <t xml:space="preserve">Požaduje sa v zmysle § 340b ods. 5 zákona č. 513/1991 Z.z. Obchodného zákonníka v znení neskorších predpisov splatnosť faktúry v lehote šesťdesiatich (60) kalendárnych dní odo dňa jej doručenia objednávateľovi. </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Požaduje sa, aby v prípade ak sa úspešným uchádzačom (t.j. dodávateľom) po uplynutí lehoty na predkladanie ponúk, resp. po elektronickej aukcii stane:
1. uchádzač,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2. uchádzač, ktorý verejnému obstarávateľovi predložil aktuálnu cenovú ponuku pred vyhlásením tejto súťaže a jeho konečná jednotková cena za MJ bez DPH je vyššia ako cena ktorú predložil v aktuálnej cenovej ponuke pred vyhlásením tejto súťaže,
tak:</t>
  </si>
  <si>
    <t>8.</t>
  </si>
  <si>
    <t>9.</t>
  </si>
  <si>
    <t>10.</t>
  </si>
  <si>
    <t>11.</t>
  </si>
  <si>
    <t>12.</t>
  </si>
  <si>
    <t>12.1.</t>
  </si>
  <si>
    <t>12.2.</t>
  </si>
  <si>
    <t>13.</t>
  </si>
  <si>
    <t>14.</t>
  </si>
  <si>
    <t>14.1.</t>
  </si>
  <si>
    <t>14.2.</t>
  </si>
  <si>
    <t>verejný obstarávateľ vyzve úspešného uchádzača na podanie vysvetlenia k uvedenému a ak po prehodnotení písomného zdôvodnenia uzná navýšenie konečnej jednotkovej ceny za MJ bez DPH príslušnej položky predmetu zákazky, zašle verejný obstarávateľ uchádzačovi oznámenie, v ktorom potvrdí oprávnenie ním ponúknutej ceny;</t>
  </si>
  <si>
    <t>verejný obstarávateľ vyzve úspešného uchádzača na podanie vysvetlenia k uvedenému a ak po prehodnotení písomného zdôvodnenia neuzná navýšenie konečnej jednotkovej ceny za MJ bez DPH príslušnej položky predmetu zákazky, verejný obstarávateľ si vyhradzuje právo neuzavrieť s uchádzačom zmluvný vzťah a zrušiť verejné obstarávanie v príslušnej časti predmetu zákazky a v prípade ak je to relevantné odstúpiť od zmluvy.</t>
  </si>
  <si>
    <t xml:space="preserve">Dodávateľ poskytuje na predmet zákazky a všetky jeho súčasti (ďalej len "zariadenie") komplexnú záruku v trvaní dvadsiatichštyroch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i>
    <t>Komplexná záruka predstavuje súbor opatrení, ktoré bude v rámci ceny za zariadenie vykonávať dodávateľ  autorizovaným servisom po dobu trvania záručnej doby na zariadenie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oprava vád a porúch zariadenia, t.j. uvedenie zariadeni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 xml:space="preserve">vykonanie štandardných vylepšení zariadenia odporúčaných a predpísaných výrobcom zariadenia podľa rozhodnutia dodávateľa, vrátane vykonania servisných aktualizácií, t.j. servisný update softwarového vybavenia zariadenia, zároveň sa vyžaduje k splneniu uvedenej povinnosti poskytnutie súčinnosti objednávateľa, </t>
  </si>
  <si>
    <t>dodávky a zabudovanie náhradných dielov, ktoré sú potrebné k riadnej a bezporuchovej prevádzke zariadnia, vrátane demontáže, odvozu a likvidácie použitého a nepotrebného spotrebného materiálu, náplní a náhradných dielov,</t>
  </si>
  <si>
    <t>vykonanie validácií a kalibrácií zariadenia (resp. jeho relevantných častí) s perididicitou podľa odporučenia výrobcu zariadenia, min. však jedenkrát ročne,</t>
  </si>
  <si>
    <t>vykonanie ďalších servisných úkonov a činností predpísaných príslušnou právnou úpravou a aplikovateľnými normami,</t>
  </si>
  <si>
    <t>práce (servisné hodiny) a dojazdy servisných technikov dodávateľa do miesta inštalácie zariadenia v rámci zabezpečenia záručného servisu,</t>
  </si>
  <si>
    <t>vykonanie akýchkoľvek neplánovaných opráv a údržby, ktoré nevyplývajú zo servisného plánu výrobcu zariadenia, ak takáto oprava je nevyhnutná za účelom zabezpečenia prevádzky zariadenia, vrátane generálnej opravy,</t>
  </si>
  <si>
    <t>14.3.</t>
  </si>
  <si>
    <t>14.4.</t>
  </si>
  <si>
    <t>14.5.</t>
  </si>
  <si>
    <t>14.6.</t>
  </si>
  <si>
    <t>14.7.</t>
  </si>
  <si>
    <t>14.8.</t>
  </si>
  <si>
    <t>14.9.</t>
  </si>
  <si>
    <t xml:space="preserve">technická telefonická podpora v pracovných dňoch v rozsahu podľa bodu 13 tejto časti, a zároveň poradenstvo pri prevádzkovaní zariadenia prostredníctvom klientského pracoviska dodávateľa 24 hodín denne a 7 dní v týždni, pričom dodávateľ musí garantovať funkčnosť a prevádzku tohto klientskeho pracoviska. </t>
  </si>
  <si>
    <t>V prípade, ak odstránenie vady nevyžaduje príchod servisného technika dodávateľa do miesta inštalácie zariadenia, je dodávateľ oprávnený začať odstraňovať vadu formou vzdialeného prístupu v lehote najneskôr do dvanástich (12) hodín od nahlásenia v pracovný deň medzi 7:00 a 16:00 hod., resp. do 12:00 hod. nasledujúceho pracovného dňa, pokiaľ vada bola nahlásená po 16:00 hod. pracovného dňa alebo počas mimopracovného dňa.</t>
  </si>
  <si>
    <t>Dodávateľ je povinný počas trvania záručnej doby odstrániť vady v nasledujúcich lehotách od nástupu na opravu:</t>
  </si>
  <si>
    <t>14.10.</t>
  </si>
  <si>
    <t>15.</t>
  </si>
  <si>
    <t>15.1.</t>
  </si>
  <si>
    <t>16.</t>
  </si>
  <si>
    <t>16.1.</t>
  </si>
  <si>
    <t>16.2.</t>
  </si>
  <si>
    <t>17.</t>
  </si>
  <si>
    <t>17.1.</t>
  </si>
  <si>
    <t>17.2.</t>
  </si>
  <si>
    <t>18.</t>
  </si>
  <si>
    <t>19.</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 xml:space="preserve">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zariadenia tiež zaslaním emailovej správy na vyššie uvedenú emailovú adresu dodávateľa.</t>
  </si>
  <si>
    <t>Záruka sa nevzťahuje na vady, ktoré spôsobí objednávateľ neodbornou manipuláciou resp. používaním v rozpore s návodom na obsluhu. Záruka sa tiež nevzťahuje na vady, ktoré vzniknú v dôsledku živelnej pohromy, vyššej moci alebo vandalizmu.</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V prípade, ak sa po uzatvorení zmluvy preukáže, že na relevantnom trhu existuje cena (ďalej "nižšia cena") za rovnaké alebo porovnateľné plnenie ako je obsiahnuté v zmluve a dodávateľ už preukázateľne v minulosti za takúto nižšiu cenu plnenie poskytol, resp. poskytuje, pričom rozdiel medzi nižšou cenou a cenou podľa zmluvy je viac ako 5% v neprospech ceny podľa zmluvy, zaväzuje sa dodávateľ poskytnúť objednávateľovi pre takéto plnenie objednané po preukázaní tejto skutočnosti dodatočnú zľavu vo výške rozdielu medzi ním poskytovanou cenou podľa uzavretej zmluvy a nižšou cenou.</t>
  </si>
  <si>
    <t>20.</t>
  </si>
  <si>
    <t>21.</t>
  </si>
  <si>
    <t>22.</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vyššiu moc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právo odstúpiť od tejto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24.</t>
  </si>
  <si>
    <t>25.</t>
  </si>
  <si>
    <t>26.</t>
  </si>
  <si>
    <t>27.</t>
  </si>
  <si>
    <t>28.</t>
  </si>
  <si>
    <t>23.</t>
  </si>
  <si>
    <t xml:space="preserve">V prípade, že dodávateľ zľavu podľa predchádzajúceho bodu neposkytne do šesťdesiatich (60) kalendárnych dní od doručenia písomnej výzvy objednávateľa, bude sa takéto konanie dodávateľa považovať za porušenie jeho zmluvných povinností, pričom objednávateľ je oprávnený uplatniť si z tohto titulu u dodávateľa  zmluvnú pokutu stanovenú vo výške zisteného rozdielu, t.j. rozdielu medzi poskytovanou cenou podľa uzavretej zmluvy a nižšou cenou. </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 .</t>
  </si>
  <si>
    <t xml:space="preserve">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 päť (5) pracovných dní vopred tak, aby objednávateľ mohol poskynúť potrebnú súčinnosť pri dodaní,</t>
  </si>
  <si>
    <t>Požaduje sa dodanie prístroja :</t>
  </si>
  <si>
    <t>s dodacím listom, ktorý musí obsahovať okrem povinných náležitostí aj číslo objednávky (ak bola vystavená), číslo kúpnej zmluvy, jednotkovú cenu príslušnej položky bez DPH, s DPH, sadzbu DPH, celkovú cenu príslušnej položky bez DPH, s DPH, ŠUKL (ak je to relevantné).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zariadenie riadne prevziať. Objednávateľ nadobudne vlastnícke právo vždy až po  zaplatení celej odplaty za plnenie dohodnutej v zmluve. </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Dodávateľ je povinný vystaviť faktúru za dodaný prístroj v súlade s ustanovením §73 zákona č. 222/2004 Z. z. o dani z pridanej hodnoty v znení neskorších predpisov (ďalej len „zákon o DPH“), najneskôr však do piateho (5) pracovného dňa v mesiaci, nasledujúcom po mesiaci, v ktorom došlo k dodaniu prístroja podľa uzatvorenej kúpnej zmluvy.</t>
  </si>
  <si>
    <t>Kúpna cena prístroja zahŕňa aj služby spojené s jeho dodaním, t.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 ako aj poskytovanie záručného servisu v mieste inštalácie.</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oprava vád a porúch prístroja, t.j. uvedenie prístroja do stavu plnej využiteľnosti vzhľadom k jeho technickým parametrom,</t>
  </si>
  <si>
    <t xml:space="preserve">vykonanie štandardných vylepšení prístroja odporúčaných a predpísaných výrobcom prístroja podľa rozhodnutia dodávateľa, vrátane vykonania servisných aktualizácií, t.j. servisný update softwarového vybavenia prístroja, zároveň sa vyžaduje k splneniu uvedenej povinnosti poskytnutie súčinnosti objednávateľa, </t>
  </si>
  <si>
    <t>dodávky a zabudovanie náhradných dielov, ktoré sú potrebné k riadnej a bezporuchovej prevádzke prístroja, vrátane demontáže, odvozu a likvidácie použitého a nepotrebného spotrebného materiálu a náhradných dielov,</t>
  </si>
  <si>
    <t>vykonanie validácií a kalibrácií prístroja (resp. jeho relevantných častí) s perididicitou podľa odporučenia výrobcu prístroja, min. však jedenkrát ročne,</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 xml:space="preserve">technická telefonická podpora v pracovných dňoch v rozsahu podľa bodu 13 tejto časti, a zároveň poradenstvo pri prevádzkovaní prístroja prostredníctvom klientského pracoviska dodávateľa 24 hodín denne a 7 dní v týždni, pričom dodávateľ musí garantovať funkčnosť a prevádzku tohto klientskeho pracoviska. </t>
  </si>
  <si>
    <t>V prípade, ak odstránenie vady nevyžaduje príchod servisného technika dodávateľa do miesta inštalácie prístroja, je dodávateľ oprávnený začať odstraňovať vadu formou vzdialeného prístupu v lehote najneskôr do dvanástich (12) hodín od nahlásenia v pracovný deň medzi 7:00 a 16:00 hod., resp. do 12:00 hod. nasledujúceho pracovného dňa, pokiaľ vada bola nahlásená po 16:00 hod. pracovného dňa alebo počas mimopracovného dňa.</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 xml:space="preserve">Objednávateľ je oprávnený vadu, ktorú zistí na prístroji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prístroja tiež zaslaním emailovej správy na vyššie uvedenú emailovú adresu dodávateľa.</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 xml:space="preserve">Dodávateľ poskytuje na prístroj a všetky jeho súčasti komplexnú záruku v trvaní dvadsiatichštyroch (24) mesiacov, resp. šesťdesiatich (60) mesiacov odo dňa, kedy je prístroj uvedený do prevádzky. Uvedenie prístroja do prevádzky a začiatok plynutia záručnej doby sa potvrdí na dodacom liste (preberací protokol), ktorý podpíšu obe zmluvné strany, t.j. dodávateľ a objednávateľ, resp. ich oprávnení zástupcovia. Uvedená záručná doba sa automaticky predlžuje o dobu, po ktorú nemohol byť prístroj využívaný na účel, na ktorý je určený, a to z dôvodov na ktoré sa vzťahuje záruka. </t>
  </si>
  <si>
    <t>oprava vady, pri ktorej nie je potrebná dodávka náhradného dielu najneskôr do štyridsiatichôsmich (48) hodín,</t>
  </si>
  <si>
    <t>oprava vady s dodávkou náhradného dielu najneskôr do sedemdesiatichdvoch (72) hodín.</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9. tejto časti,</t>
  </si>
  <si>
    <t xml:space="preserve">Servisný technik dodávateľa je povinný nastúpiť na odstránenie vady v mieste inštalácie prístroja do dvadsiatichštyroch (24) hodín od nahlásenia v pracovný deň medzi 7:00 a 16:00 hod., resp. do 12:00 hod. nasledujúceho pracovného dňa, pokiaľ vada bola nahlásená po 16:00 hod. pracovného dňa alebo počas mimopracovného dňa. </t>
  </si>
  <si>
    <t xml:space="preserve">Servisný technik dodávateľa je povinný nastúpiť na odstránenie vady v mieste inštalácie zariadenia do dvadsiatichštyroch (24) hodín od nahlásenia v pracovný deň medzi 7:00 a 16:00 hod., resp. do 12:00 hod. nasledujúceho pracovného dňa, pokiaľ vada bola nahlásená po 16:00 hod. pracovného dňa alebo počas mimopracovného dňa. </t>
  </si>
  <si>
    <t>nedodržanie lehoty príchodu servisného technika alebo nezačatie odstraňovania vady formou vzdialeného prístupu : 100,-€ (slovom: jednosto Eur) za každú začatú hodinu omeškania, najviac však do výšky 10% kúpnej ceny prístroja, a to pre každý jednotlivý prípad omeškania dodávateľa,</t>
  </si>
  <si>
    <t>nedodržanie lehoty príchodu servisného technika alebo nezačatie odstraňovania vady formou vzdialeného prístupu : 100,-€ (slovom: jednosto Eur) za každú začatú hodinu omeškania, najviac však do výšky 10% kúpnej ceny zariadenia a to pre každý jednotlivý prípad omeškania dodávateľa,</t>
  </si>
  <si>
    <t>nedodržanie dohodnutých lehôt na odstránenie vady i: 100,-€ (jednosto Eur) za každú začatú hodinu omeškania, najviac však do výšky 10% kúpnej ceny prístroja, a to  pre každý jednotlivý prípad omeškania dodávateľa.</t>
  </si>
  <si>
    <t>nedodržanie dohodnutých lehôt na odstránenie vady i: 100,-€ (jednosto Eur) za každú začatú hodinu omeškania, najviac však do výšky 10% kúpnej ceny zariadenia a to  pre každý jednotlivý prípad omeškania dodávateľa.</t>
  </si>
  <si>
    <t>do tridsiatich (30) pracovných dní od dňa nadobudnutia účinnosti zmluvy,</t>
  </si>
  <si>
    <t xml:space="preserve">Objednávateľ zabezpečí za účelom prevzatia prístroja prístup pre osoby poverené dodávateľom na čas nevyhnutný na vyloženie, kompletizáciu a inštaláciu prístroja.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name val="Calibri"/>
      <family val="2"/>
      <charset val="238"/>
      <scheme val="minor"/>
    </font>
    <font>
      <sz val="8"/>
      <color theme="1"/>
      <name val="Arial"/>
      <family val="2"/>
      <charset val="238"/>
    </font>
  </fonts>
  <fills count="9">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
      <patternFill patternType="solid">
        <fgColor theme="6" tint="0.79998168889431442"/>
        <bgColor indexed="64"/>
      </patternFill>
    </fill>
    <fill>
      <patternFill patternType="solid">
        <fgColor theme="7"/>
        <bgColor indexed="64"/>
      </patternFill>
    </fill>
  </fills>
  <borders count="83">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right style="thin">
        <color indexed="64"/>
      </right>
      <top style="thin">
        <color indexed="64"/>
      </top>
      <bottom style="medium">
        <color auto="1"/>
      </bottom>
      <diagonal/>
    </border>
    <border>
      <left style="thin">
        <color auto="1"/>
      </left>
      <right/>
      <top style="medium">
        <color auto="1"/>
      </top>
      <bottom style="dotted">
        <color indexed="64"/>
      </bottom>
      <diagonal/>
    </border>
    <border>
      <left/>
      <right/>
      <top style="thin">
        <color auto="1"/>
      </top>
      <bottom style="thin">
        <color auto="1"/>
      </bottom>
      <diagonal/>
    </border>
    <border>
      <left/>
      <right/>
      <top style="thin">
        <color auto="1"/>
      </top>
      <bottom style="medium">
        <color auto="1"/>
      </bottom>
      <diagonal/>
    </border>
    <border>
      <left style="medium">
        <color auto="1"/>
      </left>
      <right/>
      <top/>
      <bottom style="thin">
        <color auto="1"/>
      </bottom>
      <diagonal/>
    </border>
    <border>
      <left/>
      <right/>
      <top/>
      <bottom style="thin">
        <color auto="1"/>
      </bottom>
      <diagonal/>
    </border>
    <border>
      <left style="thin">
        <color indexed="64"/>
      </left>
      <right/>
      <top style="thin">
        <color auto="1"/>
      </top>
      <bottom style="medium">
        <color auto="1"/>
      </bottom>
      <diagonal/>
    </border>
    <border>
      <left/>
      <right style="thin">
        <color auto="1"/>
      </right>
      <top style="medium">
        <color indexed="64"/>
      </top>
      <bottom/>
      <diagonal/>
    </border>
    <border>
      <left/>
      <right style="thin">
        <color auto="1"/>
      </right>
      <top/>
      <bottom style="thin">
        <color auto="1"/>
      </bottom>
      <diagonal/>
    </border>
    <border>
      <left/>
      <right/>
      <top style="medium">
        <color auto="1"/>
      </top>
      <bottom style="dotted">
        <color auto="1"/>
      </bottom>
      <diagonal/>
    </border>
    <border>
      <left/>
      <right style="thin">
        <color auto="1"/>
      </right>
      <top style="medium">
        <color auto="1"/>
      </top>
      <bottom style="dotted">
        <color auto="1"/>
      </bottom>
      <diagonal/>
    </border>
    <border>
      <left/>
      <right/>
      <top style="dotted">
        <color indexed="64"/>
      </top>
      <bottom style="dotted">
        <color indexed="64"/>
      </bottom>
      <diagonal/>
    </border>
    <border>
      <left/>
      <right style="thin">
        <color auto="1"/>
      </right>
      <top style="dotted">
        <color indexed="64"/>
      </top>
      <bottom style="dotted">
        <color indexed="64"/>
      </bottom>
      <diagonal/>
    </border>
    <border>
      <left style="medium">
        <color auto="1"/>
      </left>
      <right/>
      <top style="thin">
        <color auto="1"/>
      </top>
      <bottom style="thin">
        <color auto="1"/>
      </bottom>
      <diagonal/>
    </border>
    <border>
      <left style="thin">
        <color auto="1"/>
      </left>
      <right/>
      <top/>
      <bottom style="thin">
        <color auto="1"/>
      </bottom>
      <diagonal/>
    </border>
    <border>
      <left style="medium">
        <color auto="1"/>
      </left>
      <right style="thin">
        <color auto="1"/>
      </right>
      <top/>
      <bottom style="thin">
        <color auto="1"/>
      </bottom>
      <diagonal/>
    </border>
    <border>
      <left style="medium">
        <color auto="1"/>
      </left>
      <right style="thin">
        <color auto="1"/>
      </right>
      <top style="dotted">
        <color auto="1"/>
      </top>
      <bottom/>
      <diagonal/>
    </border>
    <border>
      <left style="thin">
        <color auto="1"/>
      </left>
      <right style="dotted">
        <color auto="1"/>
      </right>
      <top style="dotted">
        <color auto="1"/>
      </top>
      <bottom/>
      <diagonal/>
    </border>
    <border>
      <left style="medium">
        <color auto="1"/>
      </left>
      <right style="thin">
        <color auto="1"/>
      </right>
      <top/>
      <bottom style="medium">
        <color indexed="64"/>
      </bottom>
      <diagonal/>
    </border>
    <border>
      <left style="thin">
        <color indexed="64"/>
      </left>
      <right/>
      <top/>
      <bottom style="medium">
        <color auto="1"/>
      </bottom>
      <diagonal/>
    </border>
    <border>
      <left/>
      <right style="thin">
        <color auto="1"/>
      </right>
      <top/>
      <bottom style="medium">
        <color auto="1"/>
      </bottom>
      <diagonal/>
    </border>
    <border>
      <left style="thin">
        <color auto="1"/>
      </left>
      <right style="dotted">
        <color auto="1"/>
      </right>
      <top/>
      <bottom style="medium">
        <color auto="1"/>
      </bottom>
      <diagonal/>
    </border>
    <border>
      <left style="dotted">
        <color auto="1"/>
      </left>
      <right style="dotted">
        <color auto="1"/>
      </right>
      <top/>
      <bottom style="medium">
        <color auto="1"/>
      </bottom>
      <diagonal/>
    </border>
    <border>
      <left style="dotted">
        <color auto="1"/>
      </left>
      <right style="medium">
        <color auto="1"/>
      </right>
      <top/>
      <bottom style="medium">
        <color auto="1"/>
      </bottom>
      <diagonal/>
    </border>
    <border>
      <left style="medium">
        <color auto="1"/>
      </left>
      <right style="thin">
        <color auto="1"/>
      </right>
      <top style="dotted">
        <color auto="1"/>
      </top>
      <bottom style="dashed">
        <color auto="1"/>
      </bottom>
      <diagonal/>
    </border>
    <border>
      <left style="thin">
        <color indexed="64"/>
      </left>
      <right/>
      <top style="dotted">
        <color auto="1"/>
      </top>
      <bottom style="dashed">
        <color auto="1"/>
      </bottom>
      <diagonal/>
    </border>
    <border>
      <left/>
      <right/>
      <top style="dotted">
        <color auto="1"/>
      </top>
      <bottom style="dashed">
        <color auto="1"/>
      </bottom>
      <diagonal/>
    </border>
    <border>
      <left/>
      <right style="thin">
        <color auto="1"/>
      </right>
      <top style="dotted">
        <color auto="1"/>
      </top>
      <bottom style="dashed">
        <color auto="1"/>
      </bottom>
      <diagonal/>
    </border>
    <border>
      <left style="thin">
        <color auto="1"/>
      </left>
      <right style="dotted">
        <color auto="1"/>
      </right>
      <top style="dotted">
        <color auto="1"/>
      </top>
      <bottom style="dashed">
        <color auto="1"/>
      </bottom>
      <diagonal/>
    </border>
    <border>
      <left style="dotted">
        <color auto="1"/>
      </left>
      <right style="dotted">
        <color auto="1"/>
      </right>
      <top style="dotted">
        <color auto="1"/>
      </top>
      <bottom style="dashed">
        <color auto="1"/>
      </bottom>
      <diagonal/>
    </border>
    <border>
      <left style="dotted">
        <color auto="1"/>
      </left>
      <right style="medium">
        <color auto="1"/>
      </right>
      <top style="dotted">
        <color auto="1"/>
      </top>
      <bottom style="dashed">
        <color auto="1"/>
      </bottom>
      <diagonal/>
    </border>
    <border>
      <left style="thin">
        <color auto="1"/>
      </left>
      <right/>
      <top style="thin">
        <color auto="1"/>
      </top>
      <bottom style="dotted">
        <color auto="1"/>
      </bottom>
      <diagonal/>
    </border>
    <border>
      <left style="medium">
        <color indexed="64"/>
      </left>
      <right style="thin">
        <color auto="1"/>
      </right>
      <top style="medium">
        <color indexed="64"/>
      </top>
      <bottom style="thin">
        <color auto="1"/>
      </bottom>
      <diagonal/>
    </border>
    <border>
      <left style="thin">
        <color auto="1"/>
      </left>
      <right/>
      <top style="dotted">
        <color auto="1"/>
      </top>
      <bottom style="thin">
        <color auto="1"/>
      </bottom>
      <diagonal/>
    </border>
    <border>
      <left style="medium">
        <color auto="1"/>
      </left>
      <right style="thin">
        <color auto="1"/>
      </right>
      <top style="dotted">
        <color auto="1"/>
      </top>
      <bottom style="thin">
        <color indexed="64"/>
      </bottom>
      <diagonal/>
    </border>
    <border>
      <left/>
      <right/>
      <top style="thin">
        <color auto="1"/>
      </top>
      <bottom style="dotted">
        <color indexed="64"/>
      </bottom>
      <diagonal/>
    </border>
    <border>
      <left/>
      <right style="thin">
        <color auto="1"/>
      </right>
      <top style="thin">
        <color auto="1"/>
      </top>
      <bottom style="dotted">
        <color indexed="64"/>
      </bottom>
      <diagonal/>
    </border>
    <border>
      <left/>
      <right/>
      <top style="dotted">
        <color auto="1"/>
      </top>
      <bottom style="thin">
        <color auto="1"/>
      </bottom>
      <diagonal/>
    </border>
    <border>
      <left/>
      <right style="thin">
        <color auto="1"/>
      </right>
      <top style="dotted">
        <color auto="1"/>
      </top>
      <bottom style="thin">
        <color auto="1"/>
      </bottom>
      <diagonal/>
    </border>
    <border>
      <left style="medium">
        <color auto="1"/>
      </left>
      <right style="thin">
        <color auto="1"/>
      </right>
      <top/>
      <bottom/>
      <diagonal/>
    </border>
    <border>
      <left style="medium">
        <color auto="1"/>
      </left>
      <right style="thin">
        <color auto="1"/>
      </right>
      <top style="thin">
        <color auto="1"/>
      </top>
      <bottom style="dotted">
        <color auto="1"/>
      </bottom>
      <diagonal/>
    </border>
    <border>
      <left style="thin">
        <color auto="1"/>
      </left>
      <right style="thin">
        <color auto="1"/>
      </right>
      <top style="thin">
        <color auto="1"/>
      </top>
      <bottom/>
      <diagonal/>
    </border>
    <border>
      <left style="thin">
        <color auto="1"/>
      </left>
      <right style="medium">
        <color indexed="64"/>
      </right>
      <top style="thin">
        <color auto="1"/>
      </top>
      <bottom/>
      <diagonal/>
    </border>
    <border>
      <left style="dotted">
        <color auto="1"/>
      </left>
      <right style="dotted">
        <color auto="1"/>
      </right>
      <top style="dotted">
        <color auto="1"/>
      </top>
      <bottom style="thin">
        <color indexed="64"/>
      </bottom>
      <diagonal/>
    </border>
    <border>
      <left style="dotted">
        <color auto="1"/>
      </left>
      <right style="medium">
        <color auto="1"/>
      </right>
      <top style="dotted">
        <color auto="1"/>
      </top>
      <bottom style="thin">
        <color auto="1"/>
      </bottom>
      <diagonal/>
    </border>
    <border>
      <left style="thin">
        <color auto="1"/>
      </left>
      <right style="dotted">
        <color auto="1"/>
      </right>
      <top style="thin">
        <color auto="1"/>
      </top>
      <bottom style="thin">
        <color auto="1"/>
      </bottom>
      <diagonal/>
    </border>
    <border>
      <left style="dotted">
        <color auto="1"/>
      </left>
      <right style="dotted">
        <color auto="1"/>
      </right>
      <top/>
      <bottom/>
      <diagonal/>
    </border>
    <border>
      <left style="dotted">
        <color auto="1"/>
      </left>
      <right style="medium">
        <color auto="1"/>
      </right>
      <top/>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35">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9"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4" xfId="0" applyFont="1" applyBorder="1" applyAlignment="1">
      <alignment vertical="center" wrapText="1"/>
    </xf>
    <xf numFmtId="0" fontId="2" fillId="0" borderId="14" xfId="0" applyFont="1" applyFill="1" applyBorder="1" applyAlignment="1">
      <alignment horizontal="center" vertical="center" wrapText="1"/>
    </xf>
    <xf numFmtId="0" fontId="2" fillId="3" borderId="14" xfId="0" applyFont="1" applyFill="1" applyBorder="1" applyAlignment="1">
      <alignment horizontal="left" vertical="top" wrapText="1"/>
    </xf>
    <xf numFmtId="0" fontId="2" fillId="3" borderId="14"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20"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7"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3" xfId="0" applyNumberFormat="1" applyFont="1" applyBorder="1" applyAlignment="1">
      <alignment horizontal="center" vertical="center" wrapText="1"/>
    </xf>
    <xf numFmtId="0" fontId="7" fillId="0" borderId="25" xfId="0" applyNumberFormat="1" applyFont="1" applyBorder="1" applyAlignment="1">
      <alignment horizontal="center" vertical="center" wrapText="1"/>
    </xf>
    <xf numFmtId="0" fontId="7" fillId="2" borderId="14" xfId="5" applyFont="1" applyFill="1" applyBorder="1" applyAlignment="1">
      <alignment horizontal="right" vertical="center" wrapText="1"/>
    </xf>
    <xf numFmtId="49" fontId="2" fillId="0" borderId="8" xfId="0" applyNumberFormat="1" applyFont="1" applyFill="1" applyBorder="1" applyAlignment="1">
      <alignment horizontal="center" vertical="center" wrapText="1"/>
    </xf>
    <xf numFmtId="0" fontId="7" fillId="0" borderId="14" xfId="0" applyNumberFormat="1" applyFont="1" applyBorder="1" applyAlignment="1">
      <alignment horizontal="center" vertical="center" wrapText="1"/>
    </xf>
    <xf numFmtId="0" fontId="7" fillId="0" borderId="29" xfId="0" applyNumberFormat="1" applyFont="1" applyBorder="1" applyAlignment="1">
      <alignment horizontal="center" vertical="center" wrapText="1"/>
    </xf>
    <xf numFmtId="0" fontId="13" fillId="0" borderId="14" xfId="0" applyFont="1" applyBorder="1" applyAlignment="1">
      <alignment horizontal="center" vertical="center" wrapText="1"/>
    </xf>
    <xf numFmtId="49" fontId="5" fillId="5" borderId="17" xfId="0" applyNumberFormat="1" applyFont="1" applyFill="1" applyBorder="1" applyAlignment="1">
      <alignment vertical="center" wrapText="1"/>
    </xf>
    <xf numFmtId="49" fontId="5" fillId="5" borderId="13" xfId="0" applyNumberFormat="1" applyFont="1" applyFill="1" applyBorder="1" applyAlignment="1">
      <alignment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16" fontId="5" fillId="0" borderId="0" xfId="0" applyNumberFormat="1" applyFont="1" applyFill="1" applyAlignment="1">
      <alignment horizontal="left" wrapText="1"/>
    </xf>
    <xf numFmtId="49" fontId="3" fillId="2" borderId="18"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8" fillId="0" borderId="0" xfId="0" applyFont="1" applyFill="1" applyAlignment="1">
      <alignment horizontal="left"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4" fillId="0" borderId="37" xfId="0" applyFont="1" applyBorder="1" applyAlignment="1">
      <alignment vertical="center" wrapText="1"/>
    </xf>
    <xf numFmtId="0" fontId="2" fillId="0" borderId="14" xfId="0" applyFont="1" applyBorder="1" applyAlignment="1">
      <alignment vertical="center"/>
    </xf>
    <xf numFmtId="0" fontId="2" fillId="0" borderId="5" xfId="0" applyFont="1" applyBorder="1" applyAlignment="1">
      <alignment vertical="center"/>
    </xf>
    <xf numFmtId="0" fontId="4" fillId="0" borderId="14" xfId="0" applyFont="1" applyBorder="1" applyAlignment="1">
      <alignment vertical="center" wrapText="1"/>
    </xf>
    <xf numFmtId="0" fontId="4" fillId="0" borderId="37" xfId="0" applyFont="1" applyBorder="1" applyAlignment="1">
      <alignment horizontal="left" vertical="center" wrapText="1"/>
    </xf>
    <xf numFmtId="0" fontId="4" fillId="0" borderId="14" xfId="0" applyFont="1" applyBorder="1" applyAlignment="1">
      <alignment horizontal="left" vertical="center" wrapText="1"/>
    </xf>
    <xf numFmtId="49" fontId="2" fillId="2" borderId="14" xfId="0" applyNumberFormat="1" applyFont="1" applyFill="1" applyBorder="1" applyAlignment="1">
      <alignment horizontal="center" vertical="center" wrapText="1"/>
    </xf>
    <xf numFmtId="0" fontId="11" fillId="0" borderId="0" xfId="0" applyNumberFormat="1" applyFont="1" applyBorder="1" applyAlignment="1">
      <alignment vertical="center" wrapText="1"/>
    </xf>
    <xf numFmtId="0" fontId="7" fillId="0" borderId="0" xfId="0" applyNumberFormat="1" applyFont="1" applyBorder="1" applyAlignment="1">
      <alignment vertical="center" wrapText="1"/>
    </xf>
    <xf numFmtId="49" fontId="4" fillId="0" borderId="14" xfId="0" applyNumberFormat="1" applyFont="1" applyBorder="1" applyAlignment="1">
      <alignment horizontal="left" vertical="center" wrapText="1"/>
    </xf>
    <xf numFmtId="49" fontId="4" fillId="0" borderId="37" xfId="0" applyNumberFormat="1" applyFont="1" applyBorder="1" applyAlignment="1">
      <alignment horizontal="left" vertical="center" wrapText="1"/>
    </xf>
    <xf numFmtId="49" fontId="4" fillId="0" borderId="5" xfId="0" applyNumberFormat="1" applyFont="1" applyBorder="1" applyAlignment="1">
      <alignment horizontal="left" vertical="center" wrapText="1"/>
    </xf>
    <xf numFmtId="49" fontId="4" fillId="0" borderId="41" xfId="0" applyNumberFormat="1" applyFont="1" applyBorder="1" applyAlignment="1">
      <alignment horizontal="left" vertical="center" wrapText="1"/>
    </xf>
    <xf numFmtId="0" fontId="4" fillId="0" borderId="5" xfId="0" applyFont="1" applyBorder="1" applyAlignment="1">
      <alignment horizontal="left" vertical="center" wrapText="1"/>
    </xf>
    <xf numFmtId="0" fontId="4" fillId="0" borderId="37" xfId="0" applyFont="1" applyBorder="1" applyAlignment="1">
      <alignment horizontal="left" vertical="center" wrapText="1"/>
    </xf>
    <xf numFmtId="16" fontId="2" fillId="0" borderId="10" xfId="0" applyNumberFormat="1" applyFont="1" applyBorder="1" applyAlignment="1">
      <alignment horizontal="center" vertical="center"/>
    </xf>
    <xf numFmtId="0" fontId="4" fillId="0" borderId="5" xfId="0" applyFont="1" applyBorder="1" applyAlignment="1">
      <alignment vertical="center" wrapText="1"/>
    </xf>
    <xf numFmtId="49" fontId="5" fillId="0" borderId="14" xfId="0" applyNumberFormat="1" applyFont="1" applyFill="1" applyBorder="1" applyAlignment="1">
      <alignment horizontal="left" vertical="center" wrapText="1"/>
    </xf>
    <xf numFmtId="49" fontId="4" fillId="0" borderId="5" xfId="0" applyNumberFormat="1" applyFont="1" applyBorder="1" applyAlignment="1">
      <alignment vertical="center" wrapText="1"/>
    </xf>
    <xf numFmtId="49" fontId="4" fillId="0" borderId="37" xfId="0" applyNumberFormat="1" applyFont="1" applyBorder="1" applyAlignment="1">
      <alignment vertical="center" wrapText="1"/>
    </xf>
    <xf numFmtId="0" fontId="4" fillId="0" borderId="49" xfId="0" applyFont="1" applyBorder="1" applyAlignment="1">
      <alignment vertical="center" wrapText="1"/>
    </xf>
    <xf numFmtId="49" fontId="5" fillId="0" borderId="14" xfId="0" applyNumberFormat="1" applyFont="1" applyFill="1" applyBorder="1" applyAlignment="1">
      <alignment vertical="center" wrapText="1"/>
    </xf>
    <xf numFmtId="0" fontId="4" fillId="6" borderId="5" xfId="0" applyFont="1" applyFill="1" applyBorder="1" applyAlignment="1">
      <alignment vertical="center" wrapText="1"/>
    </xf>
    <xf numFmtId="0" fontId="4" fillId="0" borderId="5" xfId="0" applyFont="1" applyFill="1" applyBorder="1" applyAlignment="1">
      <alignment vertical="center" wrapText="1"/>
    </xf>
    <xf numFmtId="0" fontId="3" fillId="0" borderId="14" xfId="0" applyFont="1" applyBorder="1" applyAlignment="1">
      <alignment vertical="center"/>
    </xf>
    <xf numFmtId="0" fontId="4" fillId="6" borderId="14" xfId="0" applyFont="1" applyFill="1" applyBorder="1" applyAlignment="1">
      <alignment vertical="center" wrapText="1"/>
    </xf>
    <xf numFmtId="0" fontId="4" fillId="0" borderId="14" xfId="0" applyFont="1" applyFill="1" applyBorder="1" applyAlignment="1">
      <alignment vertical="center" wrapText="1"/>
    </xf>
    <xf numFmtId="49" fontId="4" fillId="0" borderId="14" xfId="0" applyNumberFormat="1" applyFont="1" applyBorder="1" applyAlignment="1">
      <alignment vertical="center" wrapText="1"/>
    </xf>
    <xf numFmtId="0" fontId="10" fillId="0" borderId="14" xfId="0" applyFont="1" applyBorder="1" applyAlignment="1">
      <alignment horizontal="left" vertical="center" wrapText="1"/>
    </xf>
    <xf numFmtId="16" fontId="3" fillId="0" borderId="14" xfId="0" applyNumberFormat="1" applyFont="1" applyBorder="1" applyAlignment="1">
      <alignment vertical="center"/>
    </xf>
    <xf numFmtId="49" fontId="5" fillId="7" borderId="14" xfId="0" applyNumberFormat="1" applyFont="1" applyFill="1" applyBorder="1" applyAlignment="1">
      <alignment vertical="center" wrapText="1"/>
    </xf>
    <xf numFmtId="0" fontId="7" fillId="0" borderId="35" xfId="0" applyNumberFormat="1" applyFont="1" applyBorder="1" applyAlignment="1">
      <alignment horizontal="center" vertical="center" wrapText="1"/>
    </xf>
    <xf numFmtId="49" fontId="2" fillId="0" borderId="51" xfId="0" applyNumberFormat="1" applyFont="1" applyFill="1" applyBorder="1" applyAlignment="1">
      <alignment horizontal="center" vertical="center" wrapText="1"/>
    </xf>
    <xf numFmtId="0" fontId="7" fillId="0" borderId="52" xfId="0" applyNumberFormat="1" applyFont="1" applyBorder="1" applyAlignment="1">
      <alignment horizontal="center" vertical="center" wrapText="1"/>
    </xf>
    <xf numFmtId="49" fontId="4" fillId="0" borderId="38" xfId="0" applyNumberFormat="1" applyFont="1" applyBorder="1" applyAlignment="1">
      <alignment horizontal="left" vertical="center" wrapText="1"/>
    </xf>
    <xf numFmtId="49" fontId="4" fillId="0" borderId="15" xfId="0" applyNumberFormat="1" applyFont="1" applyBorder="1" applyAlignment="1">
      <alignment horizontal="center" vertical="center"/>
    </xf>
    <xf numFmtId="0" fontId="10" fillId="0" borderId="0" xfId="0" applyFont="1" applyBorder="1" applyAlignment="1">
      <alignment horizontal="center" vertical="center" wrapText="1"/>
    </xf>
    <xf numFmtId="0" fontId="7" fillId="0" borderId="56" xfId="0" applyNumberFormat="1" applyFont="1" applyBorder="1" applyAlignment="1">
      <alignment horizontal="center" vertical="center" wrapText="1"/>
    </xf>
    <xf numFmtId="49" fontId="2" fillId="0" borderId="59" xfId="0" applyNumberFormat="1" applyFont="1" applyFill="1" applyBorder="1" applyAlignment="1">
      <alignment horizontal="center" vertical="center" wrapText="1"/>
    </xf>
    <xf numFmtId="0" fontId="7" fillId="0" borderId="63" xfId="0" applyNumberFormat="1" applyFont="1" applyBorder="1" applyAlignment="1">
      <alignment horizontal="center" vertical="center" wrapText="1"/>
    </xf>
    <xf numFmtId="49" fontId="4" fillId="0" borderId="53" xfId="0" applyNumberFormat="1" applyFont="1" applyFill="1" applyBorder="1" applyAlignment="1">
      <alignment horizontal="center" vertical="center" wrapText="1"/>
    </xf>
    <xf numFmtId="0" fontId="2" fillId="0" borderId="0" xfId="0" applyFont="1" applyFill="1" applyBorder="1" applyAlignment="1">
      <alignment vertical="center" wrapText="1"/>
    </xf>
    <xf numFmtId="0" fontId="4" fillId="0" borderId="0" xfId="0" applyFont="1" applyFill="1" applyBorder="1" applyAlignment="1">
      <alignment horizontal="left" vertical="center" wrapText="1"/>
    </xf>
    <xf numFmtId="0" fontId="2" fillId="0" borderId="0" xfId="0" applyFont="1" applyFill="1" applyBorder="1" applyAlignment="1">
      <alignment horizontal="center" vertical="center" wrapText="1"/>
    </xf>
    <xf numFmtId="0" fontId="13" fillId="0" borderId="0" xfId="0" applyFont="1" applyFill="1" applyBorder="1" applyAlignment="1">
      <alignment horizontal="center" vertical="center" wrapText="1"/>
    </xf>
    <xf numFmtId="49" fontId="2" fillId="0" borderId="67" xfId="0" applyNumberFormat="1" applyFont="1" applyBorder="1" applyAlignment="1">
      <alignment vertical="center" wrapText="1"/>
    </xf>
    <xf numFmtId="49" fontId="2" fillId="0" borderId="8" xfId="0" applyNumberFormat="1" applyFont="1" applyFill="1" applyBorder="1" applyAlignment="1">
      <alignment vertical="center" wrapText="1"/>
    </xf>
    <xf numFmtId="49" fontId="2" fillId="0" borderId="50" xfId="0" applyNumberFormat="1" applyFont="1" applyFill="1" applyBorder="1" applyAlignment="1">
      <alignment vertical="center" wrapText="1"/>
    </xf>
    <xf numFmtId="49" fontId="2" fillId="0" borderId="10" xfId="0" applyNumberFormat="1" applyFont="1" applyFill="1" applyBorder="1" applyAlignment="1">
      <alignment vertical="center" wrapText="1"/>
    </xf>
    <xf numFmtId="49" fontId="2" fillId="0" borderId="14" xfId="0" applyNumberFormat="1" applyFont="1" applyFill="1" applyBorder="1" applyAlignment="1">
      <alignment vertical="center" wrapText="1"/>
    </xf>
    <xf numFmtId="49" fontId="2" fillId="0" borderId="74" xfId="0" applyNumberFormat="1" applyFont="1" applyFill="1" applyBorder="1" applyAlignment="1">
      <alignment vertical="center" wrapText="1"/>
    </xf>
    <xf numFmtId="49" fontId="2" fillId="0" borderId="75" xfId="0" applyNumberFormat="1" applyFont="1" applyFill="1" applyBorder="1" applyAlignment="1">
      <alignment vertical="center" wrapText="1"/>
    </xf>
    <xf numFmtId="0" fontId="7" fillId="0" borderId="76" xfId="0" applyNumberFormat="1" applyFont="1" applyBorder="1" applyAlignment="1">
      <alignment horizontal="center" vertical="center" wrapText="1"/>
    </xf>
    <xf numFmtId="0" fontId="2" fillId="0" borderId="76" xfId="0" applyFont="1" applyFill="1" applyBorder="1" applyAlignment="1">
      <alignment horizontal="left" vertical="center" wrapText="1"/>
    </xf>
    <xf numFmtId="0" fontId="2" fillId="0" borderId="77" xfId="0" applyFont="1" applyFill="1" applyBorder="1" applyAlignment="1">
      <alignment horizontal="left" vertical="center" wrapText="1"/>
    </xf>
    <xf numFmtId="49" fontId="2" fillId="0" borderId="10" xfId="0" applyNumberFormat="1" applyFont="1" applyFill="1" applyBorder="1" applyAlignment="1">
      <alignment horizontal="left" vertical="center" wrapText="1"/>
    </xf>
    <xf numFmtId="0" fontId="2" fillId="0" borderId="23" xfId="0" applyFont="1" applyBorder="1" applyAlignment="1">
      <alignment vertical="center" wrapText="1"/>
    </xf>
    <xf numFmtId="0" fontId="2" fillId="0" borderId="80" xfId="0" applyFont="1" applyBorder="1" applyAlignment="1">
      <alignment vertical="center" wrapText="1"/>
    </xf>
    <xf numFmtId="0" fontId="2" fillId="8" borderId="52" xfId="0" applyFont="1" applyFill="1" applyBorder="1" applyAlignment="1">
      <alignment vertical="center" wrapText="1"/>
    </xf>
    <xf numFmtId="0" fontId="2" fillId="8" borderId="25" xfId="0" applyFont="1" applyFill="1" applyBorder="1" applyAlignment="1">
      <alignment vertical="center" wrapText="1"/>
    </xf>
    <xf numFmtId="49" fontId="2" fillId="6" borderId="51" xfId="0" applyNumberFormat="1" applyFont="1" applyFill="1" applyBorder="1" applyAlignment="1">
      <alignment horizontal="center" vertical="center" wrapText="1"/>
    </xf>
    <xf numFmtId="49" fontId="2" fillId="6" borderId="10" xfId="0" applyNumberFormat="1" applyFont="1" applyFill="1" applyBorder="1" applyAlignment="1">
      <alignment vertical="center" wrapText="1"/>
    </xf>
    <xf numFmtId="49" fontId="2" fillId="6" borderId="10" xfId="0" applyNumberFormat="1" applyFont="1" applyFill="1" applyBorder="1" applyAlignment="1">
      <alignment horizontal="center" vertical="center" wrapText="1"/>
    </xf>
    <xf numFmtId="49" fontId="2" fillId="6" borderId="8" xfId="0" applyNumberFormat="1" applyFont="1" applyFill="1" applyBorder="1" applyAlignment="1">
      <alignment vertical="center" wrapText="1"/>
    </xf>
    <xf numFmtId="49" fontId="2" fillId="6" borderId="9" xfId="0" applyNumberFormat="1" applyFont="1" applyFill="1" applyBorder="1" applyAlignment="1">
      <alignment horizontal="center" vertical="center" wrapText="1"/>
    </xf>
    <xf numFmtId="49" fontId="2" fillId="6" borderId="69" xfId="0" applyNumberFormat="1" applyFont="1" applyFill="1" applyBorder="1" applyAlignment="1">
      <alignment horizontal="center" vertical="center" wrapText="1"/>
    </xf>
    <xf numFmtId="49" fontId="2" fillId="0" borderId="14" xfId="0" applyNumberFormat="1" applyFont="1" applyBorder="1" applyAlignment="1">
      <alignment horizontal="left" vertical="center" wrapText="1"/>
    </xf>
    <xf numFmtId="49" fontId="2" fillId="0" borderId="12" xfId="0" applyNumberFormat="1" applyFont="1" applyBorder="1" applyAlignment="1">
      <alignment horizontal="left" vertical="center" wrapText="1"/>
    </xf>
    <xf numFmtId="0" fontId="3" fillId="4" borderId="0" xfId="0" applyFont="1" applyFill="1" applyBorder="1" applyAlignment="1">
      <alignment horizontal="center" vertical="center" wrapText="1"/>
    </xf>
    <xf numFmtId="0" fontId="2" fillId="0" borderId="14" xfId="0" applyFont="1" applyFill="1" applyBorder="1" applyAlignment="1">
      <alignment horizontal="left" vertical="center" wrapText="1"/>
    </xf>
    <xf numFmtId="0" fontId="2" fillId="0" borderId="12"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4" fillId="6" borderId="5" xfId="0" applyFont="1" applyFill="1" applyBorder="1" applyAlignment="1">
      <alignment horizontal="left" vertical="center" wrapText="1"/>
    </xf>
    <xf numFmtId="0" fontId="4" fillId="6" borderId="37" xfId="0" applyFont="1" applyFill="1" applyBorder="1" applyAlignment="1">
      <alignment horizontal="left" vertical="center" wrapText="1"/>
    </xf>
    <xf numFmtId="0" fontId="4" fillId="6" borderId="6" xfId="0" applyFont="1" applyFill="1" applyBorder="1" applyAlignment="1">
      <alignment horizontal="left" vertical="center" wrapText="1"/>
    </xf>
    <xf numFmtId="0" fontId="2" fillId="6" borderId="26" xfId="0" applyFont="1" applyFill="1" applyBorder="1" applyAlignment="1">
      <alignment horizontal="left" vertical="center" wrapText="1"/>
    </xf>
    <xf numFmtId="0" fontId="2" fillId="6" borderId="33"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8" xfId="0" applyNumberFormat="1" applyFont="1" applyFill="1" applyBorder="1" applyAlignment="1">
      <alignment horizontal="left" vertical="top" wrapText="1"/>
    </xf>
    <xf numFmtId="49" fontId="3" fillId="2" borderId="42" xfId="0" applyNumberFormat="1" applyFont="1" applyFill="1" applyBorder="1" applyAlignment="1">
      <alignment horizontal="left" vertical="top" wrapText="1"/>
    </xf>
    <xf numFmtId="49" fontId="3" fillId="2" borderId="39" xfId="0" applyNumberFormat="1" applyFont="1" applyFill="1" applyBorder="1" applyAlignment="1">
      <alignment horizontal="left" vertical="top" wrapText="1"/>
    </xf>
    <xf numFmtId="49" fontId="3" fillId="2" borderId="40" xfId="0" applyNumberFormat="1" applyFont="1" applyFill="1" applyBorder="1" applyAlignment="1">
      <alignment horizontal="left" vertical="top" wrapText="1"/>
    </xf>
    <xf numFmtId="49" fontId="3" fillId="2" borderId="43" xfId="0" applyNumberFormat="1" applyFont="1" applyFill="1" applyBorder="1" applyAlignment="1">
      <alignment horizontal="left" vertical="top" wrapText="1"/>
    </xf>
    <xf numFmtId="0" fontId="4" fillId="0" borderId="5" xfId="0" applyFont="1" applyBorder="1" applyAlignment="1">
      <alignment horizontal="left" vertical="center" wrapText="1"/>
    </xf>
    <xf numFmtId="0" fontId="4" fillId="0" borderId="37" xfId="0" applyFont="1" applyBorder="1" applyAlignment="1">
      <alignment horizontal="left" vertical="center" wrapText="1"/>
    </xf>
    <xf numFmtId="0" fontId="4" fillId="0" borderId="6" xfId="0" applyFont="1" applyBorder="1" applyAlignment="1">
      <alignment horizontal="left" vertical="center" wrapText="1"/>
    </xf>
    <xf numFmtId="0" fontId="4" fillId="6" borderId="34" xfId="0" applyFont="1" applyFill="1" applyBorder="1" applyAlignment="1">
      <alignment horizontal="left" vertical="center" wrapText="1"/>
    </xf>
    <xf numFmtId="0" fontId="4" fillId="6" borderId="46" xfId="0" applyFont="1" applyFill="1" applyBorder="1" applyAlignment="1">
      <alignment horizontal="left" vertical="center" wrapText="1"/>
    </xf>
    <xf numFmtId="0" fontId="4" fillId="6" borderId="47" xfId="0" applyFont="1" applyFill="1" applyBorder="1" applyAlignment="1">
      <alignment horizontal="left" vertical="center" wrapText="1"/>
    </xf>
    <xf numFmtId="0" fontId="4" fillId="6" borderId="68" xfId="0" applyFont="1" applyFill="1" applyBorder="1" applyAlignment="1">
      <alignment horizontal="left" vertical="center" wrapText="1"/>
    </xf>
    <xf numFmtId="0" fontId="4" fillId="6" borderId="72" xfId="0" applyFont="1" applyFill="1" applyBorder="1" applyAlignment="1">
      <alignment horizontal="left" vertical="center" wrapText="1"/>
    </xf>
    <xf numFmtId="0" fontId="4" fillId="6" borderId="73" xfId="0" applyFont="1" applyFill="1" applyBorder="1" applyAlignment="1">
      <alignment horizontal="left" vertical="center" wrapText="1"/>
    </xf>
    <xf numFmtId="16" fontId="3" fillId="0" borderId="48" xfId="0" applyNumberFormat="1" applyFont="1" applyBorder="1" applyAlignment="1">
      <alignment horizontal="left" vertical="center"/>
    </xf>
    <xf numFmtId="16" fontId="3" fillId="0" borderId="6" xfId="0" applyNumberFormat="1" applyFont="1" applyBorder="1" applyAlignment="1">
      <alignment horizontal="left" vertical="center"/>
    </xf>
    <xf numFmtId="0" fontId="2" fillId="6" borderId="14" xfId="0" applyFont="1" applyFill="1" applyBorder="1" applyAlignment="1">
      <alignment horizontal="left" vertical="center" wrapText="1"/>
    </xf>
    <xf numFmtId="0" fontId="2" fillId="6" borderId="12" xfId="0" applyFont="1" applyFill="1" applyBorder="1" applyAlignment="1">
      <alignment horizontal="left" vertical="center" wrapText="1"/>
    </xf>
    <xf numFmtId="0" fontId="3" fillId="4" borderId="0" xfId="0" applyFont="1" applyFill="1" applyAlignment="1">
      <alignment horizontal="center" vertical="center" wrapText="1"/>
    </xf>
    <xf numFmtId="49" fontId="2" fillId="0" borderId="29" xfId="0" applyNumberFormat="1" applyFont="1" applyBorder="1" applyAlignment="1">
      <alignment horizontal="left" vertical="center" wrapText="1"/>
    </xf>
    <xf numFmtId="49" fontId="2" fillId="0" borderId="30" xfId="0" applyNumberFormat="1" applyFont="1" applyBorder="1" applyAlignment="1">
      <alignment horizontal="lef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3" fillId="0" borderId="0" xfId="0" applyNumberFormat="1" applyFont="1" applyAlignment="1">
      <alignment horizontal="left" vertical="top" wrapText="1"/>
    </xf>
    <xf numFmtId="0" fontId="9"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49" fontId="3" fillId="2" borderId="16"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9" xfId="0" applyFont="1" applyFill="1" applyBorder="1" applyAlignment="1">
      <alignment horizontal="center" vertical="top" wrapText="1"/>
    </xf>
    <xf numFmtId="0" fontId="3" fillId="2" borderId="18"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1" xfId="0" applyNumberFormat="1" applyFont="1" applyFill="1" applyBorder="1" applyAlignment="1">
      <alignment horizontal="center" vertical="center" wrapText="1"/>
    </xf>
    <xf numFmtId="49" fontId="2" fillId="2" borderId="22"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37"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0" xfId="0" applyFont="1" applyAlignment="1">
      <alignment horizontal="left" vertical="top" wrapText="1"/>
    </xf>
    <xf numFmtId="0" fontId="2" fillId="0" borderId="0" xfId="0" applyFont="1" applyAlignment="1">
      <alignment horizontal="left" wrapText="1"/>
    </xf>
    <xf numFmtId="0" fontId="3" fillId="0" borderId="0" xfId="0" applyFont="1" applyAlignment="1">
      <alignment horizont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0" xfId="0" applyFont="1" applyAlignment="1">
      <alignment horizontal="center" vertical="center" wrapText="1"/>
    </xf>
    <xf numFmtId="0" fontId="3" fillId="2" borderId="28" xfId="0" applyFont="1" applyFill="1" applyBorder="1" applyAlignment="1">
      <alignment horizontal="center" vertical="top" wrapText="1"/>
    </xf>
    <xf numFmtId="0" fontId="3" fillId="2" borderId="11" xfId="0" applyFont="1" applyFill="1" applyBorder="1" applyAlignment="1">
      <alignment horizontal="center" vertical="top" wrapText="1"/>
    </xf>
    <xf numFmtId="49" fontId="2" fillId="2" borderId="14" xfId="0" applyNumberFormat="1" applyFont="1" applyFill="1" applyBorder="1" applyAlignment="1">
      <alignment horizontal="center" vertical="center" wrapText="1"/>
    </xf>
    <xf numFmtId="49" fontId="2" fillId="2" borderId="12" xfId="0" applyNumberFormat="1" applyFont="1" applyFill="1" applyBorder="1" applyAlignment="1">
      <alignment horizontal="center" vertical="center" wrapText="1"/>
    </xf>
    <xf numFmtId="49" fontId="5" fillId="5" borderId="1" xfId="0" applyNumberFormat="1" applyFont="1" applyFill="1" applyBorder="1" applyAlignment="1">
      <alignment horizontal="left" vertical="center" wrapText="1"/>
    </xf>
    <xf numFmtId="49" fontId="5" fillId="5" borderId="42" xfId="0" applyNumberFormat="1" applyFont="1" applyFill="1" applyBorder="1" applyAlignment="1">
      <alignment horizontal="left" vertical="center" wrapText="1"/>
    </xf>
    <xf numFmtId="49" fontId="5" fillId="5" borderId="39" xfId="0" applyNumberFormat="1" applyFont="1" applyFill="1" applyBorder="1" applyAlignment="1">
      <alignment horizontal="left" vertical="center" wrapText="1"/>
    </xf>
    <xf numFmtId="49" fontId="5" fillId="5" borderId="43" xfId="0" applyNumberFormat="1" applyFont="1" applyFill="1" applyBorder="1" applyAlignment="1">
      <alignment horizontal="left" vertical="center" wrapText="1"/>
    </xf>
    <xf numFmtId="49" fontId="5" fillId="7" borderId="28" xfId="0" applyNumberFormat="1" applyFont="1" applyFill="1" applyBorder="1" applyAlignment="1">
      <alignment horizontal="center"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2" fillId="0" borderId="64" xfId="0" applyFont="1" applyFill="1" applyBorder="1" applyAlignment="1">
      <alignment horizontal="left" vertical="center" wrapText="1"/>
    </xf>
    <xf numFmtId="0" fontId="2" fillId="0" borderId="65" xfId="0" applyFont="1" applyFill="1" applyBorder="1" applyAlignment="1">
      <alignment horizontal="left" vertical="center" wrapText="1"/>
    </xf>
    <xf numFmtId="49" fontId="2" fillId="2" borderId="24"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2" fillId="0" borderId="31"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2" fillId="0" borderId="36" xfId="0" applyFont="1" applyFill="1" applyBorder="1" applyAlignment="1">
      <alignment horizontal="left" vertical="center" wrapText="1"/>
    </xf>
    <xf numFmtId="0" fontId="2" fillId="0" borderId="44" xfId="0" applyFont="1" applyFill="1" applyBorder="1" applyAlignment="1">
      <alignment horizontal="left" vertical="center" wrapText="1"/>
    </xf>
    <xf numFmtId="0" fontId="2" fillId="0" borderId="45" xfId="0" applyFont="1" applyFill="1" applyBorder="1" applyAlignment="1">
      <alignment horizontal="left" vertical="center" wrapText="1"/>
    </xf>
    <xf numFmtId="0" fontId="3" fillId="0" borderId="34" xfId="0" applyFont="1" applyFill="1" applyBorder="1" applyAlignment="1">
      <alignment horizontal="left" vertical="center" wrapText="1"/>
    </xf>
    <xf numFmtId="0" fontId="3" fillId="0" borderId="46" xfId="0" applyFont="1" applyFill="1" applyBorder="1" applyAlignment="1">
      <alignment horizontal="left" vertical="center" wrapText="1"/>
    </xf>
    <xf numFmtId="0" fontId="3" fillId="0" borderId="47" xfId="0" applyFont="1" applyFill="1" applyBorder="1" applyAlignment="1">
      <alignment horizontal="left" vertical="center" wrapText="1"/>
    </xf>
    <xf numFmtId="0" fontId="2" fillId="0" borderId="60" xfId="0" applyFont="1" applyFill="1" applyBorder="1" applyAlignment="1">
      <alignment horizontal="left" vertical="center" wrapText="1"/>
    </xf>
    <xf numFmtId="0" fontId="2" fillId="0" borderId="61" xfId="0" applyFont="1" applyFill="1" applyBorder="1" applyAlignment="1">
      <alignment horizontal="left" vertical="center" wrapText="1"/>
    </xf>
    <xf numFmtId="0" fontId="2" fillId="0" borderId="62" xfId="0" applyFont="1" applyFill="1" applyBorder="1" applyAlignment="1">
      <alignment horizontal="left" vertical="center" wrapText="1"/>
    </xf>
    <xf numFmtId="0" fontId="4" fillId="0" borderId="54" xfId="0" applyFont="1" applyFill="1" applyBorder="1" applyAlignment="1">
      <alignment horizontal="left" vertical="center" wrapText="1"/>
    </xf>
    <xf numFmtId="0" fontId="4" fillId="0" borderId="3" xfId="0" applyFont="1" applyFill="1" applyBorder="1" applyAlignment="1">
      <alignment horizontal="left" vertical="center" wrapText="1"/>
    </xf>
    <xf numFmtId="0" fontId="4" fillId="0" borderId="55" xfId="0" applyFont="1" applyFill="1" applyBorder="1" applyAlignment="1">
      <alignment horizontal="left" vertical="center" wrapText="1"/>
    </xf>
    <xf numFmtId="0" fontId="2" fillId="0" borderId="57" xfId="0" applyFont="1" applyFill="1" applyBorder="1" applyAlignment="1">
      <alignment horizontal="left" vertical="center" wrapText="1"/>
    </xf>
    <xf numFmtId="0" fontId="2" fillId="0" borderId="58" xfId="0" applyFont="1" applyFill="1" applyBorder="1" applyAlignment="1">
      <alignment horizontal="left" vertical="center" wrapText="1"/>
    </xf>
    <xf numFmtId="0" fontId="4" fillId="6" borderId="66" xfId="0" applyFont="1" applyFill="1" applyBorder="1" applyAlignment="1">
      <alignment horizontal="left" vertical="center" wrapText="1"/>
    </xf>
    <xf numFmtId="0" fontId="4" fillId="6" borderId="70" xfId="0" applyFont="1" applyFill="1" applyBorder="1" applyAlignment="1">
      <alignment horizontal="left" vertical="center" wrapText="1"/>
    </xf>
    <xf numFmtId="0" fontId="4" fillId="6" borderId="71" xfId="0" applyFont="1" applyFill="1" applyBorder="1" applyAlignment="1">
      <alignment horizontal="left" vertical="center" wrapText="1"/>
    </xf>
    <xf numFmtId="0" fontId="2" fillId="6" borderId="78" xfId="0" applyFont="1" applyFill="1" applyBorder="1" applyAlignment="1">
      <alignment horizontal="left" vertical="center" wrapText="1"/>
    </xf>
    <xf numFmtId="0" fontId="2" fillId="6" borderId="79" xfId="0" applyFont="1" applyFill="1" applyBorder="1" applyAlignment="1">
      <alignment horizontal="left" vertical="center" wrapText="1"/>
    </xf>
    <xf numFmtId="0" fontId="2" fillId="6" borderId="81" xfId="0" applyFont="1" applyFill="1" applyBorder="1" applyAlignment="1">
      <alignment horizontal="left" vertical="center" wrapText="1"/>
    </xf>
    <xf numFmtId="0" fontId="2" fillId="6" borderId="82" xfId="0" applyFont="1" applyFill="1" applyBorder="1" applyAlignment="1">
      <alignment horizontal="left" vertical="center" wrapText="1"/>
    </xf>
    <xf numFmtId="0" fontId="15" fillId="6" borderId="26" xfId="0" applyFont="1" applyFill="1" applyBorder="1" applyAlignment="1">
      <alignment horizontal="left" vertical="center" wrapText="1"/>
    </xf>
    <xf numFmtId="0" fontId="15" fillId="6" borderId="33" xfId="0" applyFont="1" applyFill="1" applyBorder="1" applyAlignment="1">
      <alignment horizontal="left" vertical="center" wrapText="1"/>
    </xf>
    <xf numFmtId="16" fontId="2" fillId="0" borderId="50" xfId="0" applyNumberFormat="1" applyFont="1" applyBorder="1" applyAlignment="1">
      <alignment horizontal="center" vertical="center"/>
    </xf>
  </cellXfs>
  <cellStyles count="6">
    <cellStyle name="Normálna" xfId="0" builtinId="0"/>
    <cellStyle name="Normálna 2" xfId="2"/>
    <cellStyle name="Normálne 2" xfId="3"/>
    <cellStyle name="normálne 2 2" xfId="1"/>
    <cellStyle name="normálne 2 2 2" xfId="4"/>
    <cellStyle name="Normálne 4" xfId="5"/>
  </cellStyles>
  <dxfs count="12">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3</xdr:row>
          <xdr:rowOff>0</xdr:rowOff>
        </xdr:from>
        <xdr:to>
          <xdr:col>1</xdr:col>
          <xdr:colOff>76200</xdr:colOff>
          <xdr:row>23</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4</xdr:row>
          <xdr:rowOff>9525</xdr:rowOff>
        </xdr:from>
        <xdr:to>
          <xdr:col>1</xdr:col>
          <xdr:colOff>76200</xdr:colOff>
          <xdr:row>24</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9</xdr:row>
          <xdr:rowOff>9525</xdr:rowOff>
        </xdr:from>
        <xdr:to>
          <xdr:col>1</xdr:col>
          <xdr:colOff>76200</xdr:colOff>
          <xdr:row>29</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30</xdr:row>
          <xdr:rowOff>0</xdr:rowOff>
        </xdr:from>
        <xdr:to>
          <xdr:col>1</xdr:col>
          <xdr:colOff>76200</xdr:colOff>
          <xdr:row>30</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2.xml"/><Relationship Id="rId3" Type="http://schemas.openxmlformats.org/officeDocument/2006/relationships/hyperlink" Target="http://www.vusch.sk/" TargetMode="External"/><Relationship Id="rId7" Type="http://schemas.openxmlformats.org/officeDocument/2006/relationships/ctrlProp" Target="../ctrlProps/ctrlProp1.xml"/><Relationship Id="rId2" Type="http://schemas.openxmlformats.org/officeDocument/2006/relationships/hyperlink" Target="http://www.vusch.sk/" TargetMode="External"/><Relationship Id="rId1" Type="http://schemas.openxmlformats.org/officeDocument/2006/relationships/hyperlink" Target="http://www.vusch.sk/" TargetMode="External"/><Relationship Id="rId6" Type="http://schemas.openxmlformats.org/officeDocument/2006/relationships/vmlDrawing" Target="../drawings/vmlDrawing1.vml"/><Relationship Id="rId5" Type="http://schemas.openxmlformats.org/officeDocument/2006/relationships/drawing" Target="../drawings/drawing1.xml"/><Relationship Id="rId10" Type="http://schemas.openxmlformats.org/officeDocument/2006/relationships/ctrlProp" Target="../ctrlProps/ctrlProp4.xml"/><Relationship Id="rId4" Type="http://schemas.openxmlformats.org/officeDocument/2006/relationships/printerSettings" Target="../printerSettings/printerSettings1.bin"/><Relationship Id="rId9" Type="http://schemas.openxmlformats.org/officeDocument/2006/relationships/ctrlProp" Target="../ctrlProps/ctrlProp3.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H204"/>
  <sheetViews>
    <sheetView showGridLines="0" tabSelected="1" zoomScale="90" zoomScaleNormal="90" workbookViewId="0">
      <selection activeCell="A40" sqref="A40:A42"/>
    </sheetView>
  </sheetViews>
  <sheetFormatPr defaultRowHeight="12.75" x14ac:dyDescent="0.2"/>
  <cols>
    <col min="1" max="1" width="12.140625" style="1" customWidth="1"/>
    <col min="2" max="2" width="88.5703125" style="1" customWidth="1"/>
    <col min="3" max="3" width="9.85546875" style="1" customWidth="1"/>
    <col min="4" max="4" width="10.7109375" style="1" customWidth="1"/>
    <col min="5" max="5" width="16.42578125" style="8" customWidth="1"/>
    <col min="6" max="6" width="13.7109375" style="8" customWidth="1"/>
    <col min="7" max="7" width="19.7109375" style="2" customWidth="1"/>
    <col min="8" max="8" width="17.140625" style="1" customWidth="1"/>
    <col min="9" max="9" width="9.140625" style="1"/>
    <col min="10" max="10" width="9.140625" style="1" customWidth="1"/>
    <col min="11" max="16384" width="9.140625" style="1"/>
  </cols>
  <sheetData>
    <row r="1" spans="1:7" ht="24" customHeight="1" x14ac:dyDescent="0.2">
      <c r="A1" s="183" t="s">
        <v>51</v>
      </c>
      <c r="B1" s="183"/>
      <c r="C1" s="183"/>
      <c r="D1" s="183"/>
      <c r="E1" s="183"/>
      <c r="F1" s="183"/>
      <c r="G1" s="183"/>
    </row>
    <row r="2" spans="1:7" ht="27.75" customHeight="1" x14ac:dyDescent="0.2">
      <c r="A2" s="186" t="s">
        <v>48</v>
      </c>
      <c r="B2" s="186"/>
      <c r="C2" s="186"/>
      <c r="D2" s="186"/>
      <c r="E2" s="186"/>
      <c r="F2" s="186"/>
      <c r="G2" s="186"/>
    </row>
    <row r="3" spans="1:7" ht="54.75" customHeight="1" x14ac:dyDescent="0.2">
      <c r="A3" s="164" t="s">
        <v>55</v>
      </c>
      <c r="B3" s="164"/>
      <c r="C3" s="164"/>
      <c r="D3" s="164"/>
      <c r="E3" s="164"/>
      <c r="F3" s="164"/>
      <c r="G3" s="164"/>
    </row>
    <row r="4" spans="1:7" ht="24.95" customHeight="1" x14ac:dyDescent="0.2">
      <c r="A4" s="44" t="s">
        <v>54</v>
      </c>
      <c r="B4" s="53"/>
      <c r="C4" s="61"/>
      <c r="D4" s="61"/>
      <c r="E4" s="39"/>
      <c r="F4" s="39"/>
      <c r="G4" s="39"/>
    </row>
    <row r="5" spans="1:7" ht="24.95" customHeight="1" x14ac:dyDescent="0.2">
      <c r="A5" s="44" t="s">
        <v>52</v>
      </c>
      <c r="B5" s="54"/>
      <c r="C5" s="62"/>
      <c r="D5" s="62"/>
      <c r="E5" s="39"/>
      <c r="F5" s="39"/>
      <c r="G5" s="39"/>
    </row>
    <row r="6" spans="1:7" ht="5.0999999999999996" customHeight="1" x14ac:dyDescent="0.2">
      <c r="A6" s="39"/>
      <c r="B6" s="39"/>
      <c r="C6" s="39"/>
      <c r="D6" s="39"/>
      <c r="E6" s="39"/>
      <c r="F6" s="39"/>
      <c r="G6" s="39"/>
    </row>
    <row r="7" spans="1:7" s="2" customFormat="1" ht="20.100000000000001" customHeight="1" x14ac:dyDescent="0.25">
      <c r="A7" s="160" t="s">
        <v>5</v>
      </c>
      <c r="B7" s="160"/>
      <c r="C7" s="160"/>
      <c r="D7" s="160"/>
      <c r="E7" s="160"/>
      <c r="F7" s="160"/>
      <c r="G7" s="160"/>
    </row>
    <row r="8" spans="1:7" s="2" customFormat="1" ht="20.100000000000001" customHeight="1" x14ac:dyDescent="0.25">
      <c r="A8" s="165" t="s">
        <v>9</v>
      </c>
      <c r="B8" s="165"/>
      <c r="C8" s="165"/>
      <c r="D8" s="165"/>
      <c r="E8" s="165"/>
      <c r="F8" s="165"/>
      <c r="G8" s="165"/>
    </row>
    <row r="9" spans="1:7" ht="24.95" customHeight="1" x14ac:dyDescent="0.2">
      <c r="A9" s="166" t="s">
        <v>65</v>
      </c>
      <c r="B9" s="167"/>
      <c r="C9" s="167"/>
      <c r="D9" s="167"/>
      <c r="E9" s="167"/>
      <c r="F9" s="167"/>
      <c r="G9" s="167"/>
    </row>
    <row r="10" spans="1:7" ht="4.5" customHeight="1" x14ac:dyDescent="0.2">
      <c r="A10" s="41"/>
      <c r="B10" s="41"/>
      <c r="C10" s="41"/>
      <c r="D10" s="41"/>
      <c r="E10" s="41"/>
      <c r="F10" s="41"/>
      <c r="G10" s="41"/>
    </row>
    <row r="11" spans="1:7" s="2" customFormat="1" ht="20.100000000000001" customHeight="1" x14ac:dyDescent="0.25">
      <c r="A11" s="168" t="s">
        <v>10</v>
      </c>
      <c r="B11" s="168"/>
      <c r="C11" s="168"/>
      <c r="D11" s="168"/>
      <c r="E11" s="168"/>
      <c r="F11" s="168"/>
      <c r="G11" s="168"/>
    </row>
    <row r="12" spans="1:7" s="2" customFormat="1" ht="24.95" customHeight="1" x14ac:dyDescent="0.2">
      <c r="A12" s="169" t="s">
        <v>153</v>
      </c>
      <c r="B12" s="169"/>
      <c r="C12" s="169"/>
      <c r="D12" s="169"/>
      <c r="E12" s="169"/>
      <c r="F12" s="57"/>
      <c r="G12" s="57"/>
    </row>
    <row r="13" spans="1:7" s="3" customFormat="1" ht="20.100000000000001" customHeight="1" x14ac:dyDescent="0.25">
      <c r="A13" s="169" t="s">
        <v>25</v>
      </c>
      <c r="B13" s="169"/>
      <c r="C13" s="169"/>
      <c r="D13" s="169"/>
      <c r="E13" s="169"/>
      <c r="F13" s="21"/>
      <c r="G13" s="22"/>
    </row>
    <row r="14" spans="1:7" ht="4.5" customHeight="1" x14ac:dyDescent="0.2">
      <c r="A14" s="41"/>
      <c r="B14" s="41"/>
      <c r="C14" s="41"/>
      <c r="D14" s="41"/>
      <c r="E14" s="41"/>
      <c r="F14" s="41"/>
      <c r="G14" s="41"/>
    </row>
    <row r="15" spans="1:7" ht="20.100000000000001" customHeight="1" x14ac:dyDescent="0.2">
      <c r="A15" s="40" t="s">
        <v>11</v>
      </c>
      <c r="B15" s="23"/>
      <c r="C15" s="23"/>
      <c r="D15" s="23"/>
      <c r="E15" s="23"/>
      <c r="F15" s="24"/>
      <c r="G15" s="24"/>
    </row>
    <row r="16" spans="1:7" s="3" customFormat="1" ht="20.25" customHeight="1" x14ac:dyDescent="0.25">
      <c r="A16" s="181" t="s">
        <v>60</v>
      </c>
      <c r="B16" s="181"/>
      <c r="C16" s="181"/>
      <c r="D16" s="181"/>
      <c r="E16" s="181"/>
      <c r="F16" s="21"/>
      <c r="G16" s="22"/>
    </row>
    <row r="17" spans="1:7" ht="5.0999999999999996" customHeight="1" x14ac:dyDescent="0.2">
      <c r="A17" s="182"/>
      <c r="B17" s="182"/>
      <c r="C17" s="182"/>
      <c r="D17" s="182"/>
      <c r="E17" s="182"/>
      <c r="G17" s="16"/>
    </row>
    <row r="18" spans="1:7" s="2" customFormat="1" ht="20.100000000000001" customHeight="1" x14ac:dyDescent="0.25">
      <c r="A18" s="160" t="s">
        <v>22</v>
      </c>
      <c r="B18" s="160"/>
      <c r="C18" s="160"/>
      <c r="D18" s="160"/>
      <c r="E18" s="160"/>
      <c r="F18" s="160"/>
      <c r="G18" s="160"/>
    </row>
    <row r="19" spans="1:7" ht="24.95" customHeight="1" x14ac:dyDescent="0.2">
      <c r="A19" s="169" t="s">
        <v>66</v>
      </c>
      <c r="B19" s="169"/>
      <c r="C19" s="169"/>
      <c r="D19" s="169"/>
      <c r="E19" s="169"/>
      <c r="F19" s="169"/>
      <c r="G19" s="169"/>
    </row>
    <row r="20" spans="1:7" ht="5.0999999999999996" customHeight="1" x14ac:dyDescent="0.2">
      <c r="A20" s="182"/>
      <c r="B20" s="182"/>
      <c r="C20" s="182"/>
      <c r="D20" s="182"/>
      <c r="E20" s="182"/>
      <c r="G20" s="16"/>
    </row>
    <row r="21" spans="1:7" s="2" customFormat="1" ht="20.100000000000001" customHeight="1" x14ac:dyDescent="0.25">
      <c r="A21" s="160" t="s">
        <v>23</v>
      </c>
      <c r="B21" s="160"/>
      <c r="C21" s="160"/>
      <c r="D21" s="160"/>
      <c r="E21" s="160"/>
      <c r="F21" s="160"/>
      <c r="G21" s="160"/>
    </row>
    <row r="22" spans="1:7" s="9" customFormat="1" ht="20.100000000000001" customHeight="1" x14ac:dyDescent="0.25">
      <c r="A22" s="177" t="s">
        <v>6</v>
      </c>
      <c r="B22" s="177"/>
      <c r="C22" s="177"/>
      <c r="D22" s="177"/>
      <c r="E22" s="177"/>
      <c r="F22" s="177"/>
      <c r="G22" s="177"/>
    </row>
    <row r="23" spans="1:7" s="9" customFormat="1" ht="20.100000000000001" customHeight="1" x14ac:dyDescent="0.25">
      <c r="A23" s="184" t="s">
        <v>17</v>
      </c>
      <c r="B23" s="185"/>
      <c r="C23" s="60"/>
      <c r="D23" s="60"/>
      <c r="E23" s="15"/>
      <c r="F23" s="15"/>
      <c r="G23" s="15"/>
    </row>
    <row r="24" spans="1:7" s="9" customFormat="1" ht="20.100000000000001" customHeight="1" x14ac:dyDescent="0.25">
      <c r="A24" s="14"/>
      <c r="B24" s="14" t="s">
        <v>20</v>
      </c>
      <c r="C24" s="14"/>
      <c r="D24" s="14"/>
      <c r="E24" s="15"/>
      <c r="F24" s="15"/>
      <c r="G24" s="15"/>
    </row>
    <row r="25" spans="1:7" s="9" customFormat="1" ht="20.100000000000001" customHeight="1" x14ac:dyDescent="0.25">
      <c r="A25" s="14"/>
      <c r="B25" s="14" t="s">
        <v>21</v>
      </c>
      <c r="C25" s="14"/>
      <c r="D25" s="14"/>
      <c r="E25" s="15"/>
      <c r="F25" s="15"/>
      <c r="G25" s="15"/>
    </row>
    <row r="26" spans="1:7" s="9" customFormat="1" ht="20.100000000000001" customHeight="1" x14ac:dyDescent="0.25">
      <c r="A26" s="184" t="s">
        <v>18</v>
      </c>
      <c r="B26" s="185"/>
      <c r="C26" s="60"/>
      <c r="D26" s="60"/>
      <c r="E26" s="15"/>
      <c r="F26" s="15"/>
      <c r="G26" s="15"/>
    </row>
    <row r="27" spans="1:7" s="9" customFormat="1" ht="31.5" customHeight="1" x14ac:dyDescent="0.25">
      <c r="A27" s="19" t="s">
        <v>19</v>
      </c>
      <c r="B27" s="178" t="s">
        <v>13</v>
      </c>
      <c r="C27" s="179"/>
      <c r="D27" s="179"/>
      <c r="E27" s="180"/>
      <c r="F27" s="20" t="s">
        <v>12</v>
      </c>
      <c r="G27" s="20" t="s">
        <v>14</v>
      </c>
    </row>
    <row r="28" spans="1:7" s="9" customFormat="1" ht="24.95" customHeight="1" x14ac:dyDescent="0.25">
      <c r="A28" s="17" t="s">
        <v>2</v>
      </c>
      <c r="B28" s="147" t="s">
        <v>65</v>
      </c>
      <c r="C28" s="148"/>
      <c r="D28" s="148"/>
      <c r="E28" s="149"/>
      <c r="F28" s="18" t="s">
        <v>1</v>
      </c>
      <c r="G28" s="48">
        <v>1</v>
      </c>
    </row>
    <row r="29" spans="1:7" s="9" customFormat="1" ht="24" customHeight="1" x14ac:dyDescent="0.25">
      <c r="A29" s="104"/>
      <c r="B29" s="105"/>
      <c r="C29" s="105"/>
      <c r="D29" s="105"/>
      <c r="E29" s="105"/>
      <c r="F29" s="106"/>
      <c r="G29" s="107"/>
    </row>
    <row r="30" spans="1:7" s="9" customFormat="1" ht="19.5" customHeight="1" x14ac:dyDescent="0.2">
      <c r="A30" s="10"/>
      <c r="B30" s="9" t="s">
        <v>3</v>
      </c>
      <c r="E30" s="15"/>
      <c r="F30" s="15"/>
      <c r="G30" s="15"/>
    </row>
    <row r="31" spans="1:7" s="9" customFormat="1" ht="20.100000000000001" customHeight="1" x14ac:dyDescent="0.25">
      <c r="A31" s="14"/>
      <c r="B31" s="2" t="s">
        <v>4</v>
      </c>
      <c r="C31" s="2"/>
      <c r="D31" s="2"/>
      <c r="E31" s="15"/>
      <c r="F31" s="15"/>
      <c r="G31" s="15"/>
    </row>
    <row r="32" spans="1:7" ht="5.0999999999999996" customHeight="1" x14ac:dyDescent="0.2"/>
    <row r="33" spans="1:8" s="2" customFormat="1" ht="20.100000000000001" customHeight="1" x14ac:dyDescent="0.25">
      <c r="A33" s="160" t="s">
        <v>24</v>
      </c>
      <c r="B33" s="160"/>
      <c r="C33" s="160"/>
      <c r="D33" s="160"/>
      <c r="E33" s="160"/>
      <c r="F33" s="160"/>
      <c r="G33" s="160"/>
    </row>
    <row r="34" spans="1:8" s="2" customFormat="1" ht="5.0999999999999996" customHeight="1" thickBot="1" x14ac:dyDescent="0.3">
      <c r="A34" s="16"/>
      <c r="E34" s="6"/>
      <c r="F34" s="6"/>
      <c r="G34" s="6"/>
    </row>
    <row r="35" spans="1:8" s="3" customFormat="1" ht="93" customHeight="1" x14ac:dyDescent="0.25">
      <c r="A35" s="141" t="s">
        <v>0</v>
      </c>
      <c r="B35" s="142"/>
      <c r="C35" s="58"/>
      <c r="D35" s="58"/>
      <c r="E35" s="172" t="s">
        <v>26</v>
      </c>
      <c r="F35" s="173"/>
      <c r="G35" s="174"/>
      <c r="H35" s="25"/>
    </row>
    <row r="36" spans="1:8" s="3" customFormat="1" ht="30" customHeight="1" thickBot="1" x14ac:dyDescent="0.3">
      <c r="A36" s="170"/>
      <c r="B36" s="171"/>
      <c r="C36" s="59"/>
      <c r="D36" s="59"/>
      <c r="E36" s="26" t="s">
        <v>27</v>
      </c>
      <c r="F36" s="175" t="s">
        <v>28</v>
      </c>
      <c r="G36" s="176"/>
    </row>
    <row r="37" spans="1:8" s="27" customFormat="1" ht="24.95" customHeight="1" x14ac:dyDescent="0.25">
      <c r="A37" s="191" t="s">
        <v>67</v>
      </c>
      <c r="B37" s="192"/>
      <c r="C37" s="195" t="s">
        <v>62</v>
      </c>
      <c r="D37" s="195"/>
      <c r="E37" s="49"/>
      <c r="F37" s="49"/>
      <c r="G37" s="50"/>
    </row>
    <row r="38" spans="1:8" s="4" customFormat="1" ht="24.95" customHeight="1" x14ac:dyDescent="0.25">
      <c r="A38" s="193"/>
      <c r="B38" s="194"/>
      <c r="C38" s="93" t="s">
        <v>63</v>
      </c>
      <c r="D38" s="93" t="s">
        <v>64</v>
      </c>
      <c r="E38" s="52"/>
      <c r="F38" s="129"/>
      <c r="G38" s="130"/>
    </row>
    <row r="39" spans="1:8" s="4" customFormat="1" ht="24.95" customHeight="1" x14ac:dyDescent="0.25">
      <c r="A39" s="156" t="s">
        <v>68</v>
      </c>
      <c r="B39" s="157"/>
      <c r="C39" s="87"/>
      <c r="D39" s="87"/>
      <c r="E39" s="52"/>
      <c r="F39" s="129"/>
      <c r="G39" s="130"/>
    </row>
    <row r="40" spans="1:8" s="4" customFormat="1" ht="24.95" customHeight="1" x14ac:dyDescent="0.25">
      <c r="A40" s="78">
        <v>44562</v>
      </c>
      <c r="B40" s="85" t="s">
        <v>69</v>
      </c>
      <c r="C40" s="88"/>
      <c r="D40" s="88"/>
      <c r="E40" s="52"/>
      <c r="F40" s="129"/>
      <c r="G40" s="130"/>
    </row>
    <row r="41" spans="1:8" s="4" customFormat="1" ht="24.95" customHeight="1" x14ac:dyDescent="0.25">
      <c r="A41" s="78">
        <v>44593</v>
      </c>
      <c r="B41" s="86" t="s">
        <v>70</v>
      </c>
      <c r="C41" s="89"/>
      <c r="D41" s="89"/>
      <c r="E41" s="52"/>
      <c r="F41" s="129"/>
      <c r="G41" s="130"/>
    </row>
    <row r="42" spans="1:8" s="4" customFormat="1" ht="24.95" customHeight="1" x14ac:dyDescent="0.25">
      <c r="A42" s="78">
        <v>44621</v>
      </c>
      <c r="B42" s="79" t="s">
        <v>71</v>
      </c>
      <c r="C42" s="64"/>
      <c r="D42" s="64"/>
      <c r="E42" s="52"/>
      <c r="F42" s="129"/>
      <c r="G42" s="130"/>
    </row>
    <row r="43" spans="1:8" s="4" customFormat="1" ht="24.95" customHeight="1" x14ac:dyDescent="0.25">
      <c r="A43" s="156" t="s">
        <v>72</v>
      </c>
      <c r="B43" s="157"/>
      <c r="C43" s="64"/>
      <c r="D43" s="64"/>
      <c r="E43" s="52"/>
      <c r="F43" s="129"/>
      <c r="G43" s="130"/>
    </row>
    <row r="44" spans="1:8" s="4" customFormat="1" ht="24.95" customHeight="1" x14ac:dyDescent="0.25">
      <c r="A44" s="78">
        <v>44563</v>
      </c>
      <c r="B44" s="82" t="s">
        <v>75</v>
      </c>
      <c r="C44" s="90" t="s">
        <v>73</v>
      </c>
      <c r="D44" s="90"/>
      <c r="E44" s="52"/>
      <c r="F44" s="129"/>
      <c r="G44" s="130"/>
    </row>
    <row r="45" spans="1:8" s="4" customFormat="1" ht="24.95" customHeight="1" x14ac:dyDescent="0.25">
      <c r="A45" s="78">
        <v>44594</v>
      </c>
      <c r="B45" s="76" t="s">
        <v>74</v>
      </c>
      <c r="C45" s="68" t="s">
        <v>76</v>
      </c>
      <c r="D45" s="68" t="s">
        <v>77</v>
      </c>
      <c r="E45" s="52"/>
      <c r="F45" s="129"/>
      <c r="G45" s="130"/>
    </row>
    <row r="46" spans="1:8" s="4" customFormat="1" ht="24.95" customHeight="1" x14ac:dyDescent="0.25">
      <c r="A46" s="78">
        <v>44622</v>
      </c>
      <c r="B46" s="77" t="s">
        <v>78</v>
      </c>
      <c r="C46" s="68" t="s">
        <v>79</v>
      </c>
      <c r="D46" s="68" t="s">
        <v>80</v>
      </c>
      <c r="E46" s="52"/>
      <c r="F46" s="129"/>
      <c r="G46" s="130"/>
    </row>
    <row r="47" spans="1:8" s="4" customFormat="1" ht="24.95" customHeight="1" x14ac:dyDescent="0.25">
      <c r="A47" s="78">
        <v>44653</v>
      </c>
      <c r="B47" s="77" t="s">
        <v>81</v>
      </c>
      <c r="C47" s="68" t="s">
        <v>82</v>
      </c>
      <c r="D47" s="68" t="s">
        <v>83</v>
      </c>
      <c r="E47" s="52"/>
      <c r="F47" s="129"/>
      <c r="G47" s="130"/>
    </row>
    <row r="48" spans="1:8" s="4" customFormat="1" ht="24.95" customHeight="1" x14ac:dyDescent="0.25">
      <c r="A48" s="156" t="s">
        <v>84</v>
      </c>
      <c r="B48" s="157"/>
      <c r="C48" s="87"/>
      <c r="D48" s="87"/>
      <c r="E48" s="52"/>
      <c r="F48" s="129"/>
      <c r="G48" s="130"/>
    </row>
    <row r="49" spans="1:7" s="4" customFormat="1" ht="24.95" customHeight="1" x14ac:dyDescent="0.25">
      <c r="A49" s="78">
        <v>44564</v>
      </c>
      <c r="B49" s="82" t="s">
        <v>85</v>
      </c>
      <c r="C49" s="84"/>
      <c r="D49" s="84"/>
      <c r="E49" s="52"/>
      <c r="F49" s="129"/>
      <c r="G49" s="130"/>
    </row>
    <row r="50" spans="1:7" s="4" customFormat="1" ht="24.95" customHeight="1" x14ac:dyDescent="0.25">
      <c r="A50" s="78">
        <v>44595</v>
      </c>
      <c r="B50" s="81" t="s">
        <v>86</v>
      </c>
      <c r="C50" s="80"/>
      <c r="D50" s="80"/>
      <c r="E50" s="52"/>
      <c r="F50" s="129"/>
      <c r="G50" s="130"/>
    </row>
    <row r="51" spans="1:7" s="4" customFormat="1" ht="24.95" customHeight="1" x14ac:dyDescent="0.25">
      <c r="A51" s="78">
        <v>44623</v>
      </c>
      <c r="B51" s="82" t="s">
        <v>88</v>
      </c>
      <c r="C51" s="90"/>
      <c r="D51" s="90" t="s">
        <v>87</v>
      </c>
      <c r="E51" s="52"/>
      <c r="F51" s="129"/>
      <c r="G51" s="130"/>
    </row>
    <row r="52" spans="1:7" s="4" customFormat="1" ht="24.95" customHeight="1" x14ac:dyDescent="0.25">
      <c r="A52" s="78">
        <v>44654</v>
      </c>
      <c r="B52" s="73" t="s">
        <v>90</v>
      </c>
      <c r="C52" s="72" t="s">
        <v>89</v>
      </c>
      <c r="D52" s="72"/>
      <c r="E52" s="52"/>
      <c r="F52" s="129"/>
      <c r="G52" s="130"/>
    </row>
    <row r="53" spans="1:7" s="4" customFormat="1" ht="24.95" customHeight="1" x14ac:dyDescent="0.25">
      <c r="A53" s="78">
        <v>44684</v>
      </c>
      <c r="B53" s="73" t="s">
        <v>91</v>
      </c>
      <c r="C53" s="72" t="s">
        <v>92</v>
      </c>
      <c r="D53" s="72"/>
      <c r="E53" s="52"/>
      <c r="F53" s="129"/>
      <c r="G53" s="130"/>
    </row>
    <row r="54" spans="1:7" s="4" customFormat="1" ht="24.95" customHeight="1" x14ac:dyDescent="0.25">
      <c r="A54" s="78">
        <v>44715</v>
      </c>
      <c r="B54" s="79" t="s">
        <v>93</v>
      </c>
      <c r="C54" s="66"/>
      <c r="D54" s="66"/>
      <c r="E54" s="52"/>
      <c r="F54" s="129"/>
      <c r="G54" s="130"/>
    </row>
    <row r="55" spans="1:7" s="4" customFormat="1" ht="24.95" customHeight="1" x14ac:dyDescent="0.25">
      <c r="A55" s="78">
        <v>44745</v>
      </c>
      <c r="B55" s="79" t="s">
        <v>94</v>
      </c>
      <c r="C55" s="66"/>
      <c r="D55" s="66"/>
      <c r="E55" s="52"/>
      <c r="F55" s="129"/>
      <c r="G55" s="130"/>
    </row>
    <row r="56" spans="1:7" s="4" customFormat="1" ht="24.95" customHeight="1" x14ac:dyDescent="0.25">
      <c r="A56" s="78">
        <v>44776</v>
      </c>
      <c r="B56" s="79" t="s">
        <v>95</v>
      </c>
      <c r="C56" s="66"/>
      <c r="D56" s="66"/>
      <c r="E56" s="52"/>
      <c r="F56" s="129"/>
      <c r="G56" s="130"/>
    </row>
    <row r="57" spans="1:7" s="4" customFormat="1" ht="24.95" customHeight="1" x14ac:dyDescent="0.25">
      <c r="A57" s="78">
        <v>44807</v>
      </c>
      <c r="B57" s="79" t="s">
        <v>96</v>
      </c>
      <c r="C57" s="66"/>
      <c r="D57" s="66"/>
      <c r="E57" s="52"/>
      <c r="F57" s="129"/>
      <c r="G57" s="130"/>
    </row>
    <row r="58" spans="1:7" s="4" customFormat="1" ht="24.95" customHeight="1" x14ac:dyDescent="0.25">
      <c r="A58" s="156" t="s">
        <v>97</v>
      </c>
      <c r="B58" s="157"/>
      <c r="C58" s="84"/>
      <c r="D58" s="84"/>
      <c r="E58" s="52"/>
      <c r="F58" s="129"/>
      <c r="G58" s="130"/>
    </row>
    <row r="59" spans="1:7" s="4" customFormat="1" ht="24.95" customHeight="1" x14ac:dyDescent="0.25">
      <c r="A59" s="78">
        <v>44565</v>
      </c>
      <c r="B59" s="74" t="s">
        <v>98</v>
      </c>
      <c r="C59" s="80"/>
      <c r="D59" s="80"/>
      <c r="E59" s="52"/>
      <c r="F59" s="129"/>
      <c r="G59" s="130"/>
    </row>
    <row r="60" spans="1:7" s="4" customFormat="1" ht="24.95" customHeight="1" x14ac:dyDescent="0.25">
      <c r="A60" s="78">
        <v>44596</v>
      </c>
      <c r="B60" s="73" t="s">
        <v>99</v>
      </c>
      <c r="C60" s="72" t="s">
        <v>100</v>
      </c>
      <c r="D60" s="72"/>
      <c r="E60" s="52"/>
      <c r="F60" s="129"/>
      <c r="G60" s="130"/>
    </row>
    <row r="61" spans="1:7" s="4" customFormat="1" ht="24.95" customHeight="1" x14ac:dyDescent="0.25">
      <c r="A61" s="78">
        <v>44624</v>
      </c>
      <c r="B61" s="63" t="s">
        <v>101</v>
      </c>
      <c r="C61" s="72" t="s">
        <v>102</v>
      </c>
      <c r="D61" s="72"/>
      <c r="E61" s="52"/>
      <c r="F61" s="129"/>
      <c r="G61" s="130"/>
    </row>
    <row r="62" spans="1:7" s="4" customFormat="1" ht="24.95" customHeight="1" x14ac:dyDescent="0.25">
      <c r="A62" s="78">
        <v>44655</v>
      </c>
      <c r="B62" s="63" t="s">
        <v>103</v>
      </c>
      <c r="C62" s="66" t="s">
        <v>104</v>
      </c>
      <c r="D62" s="66"/>
      <c r="E62" s="52"/>
      <c r="F62" s="129"/>
      <c r="G62" s="130"/>
    </row>
    <row r="63" spans="1:7" s="4" customFormat="1" ht="24.95" customHeight="1" x14ac:dyDescent="0.25">
      <c r="A63" s="78">
        <v>44685</v>
      </c>
      <c r="B63" s="63" t="s">
        <v>106</v>
      </c>
      <c r="C63" s="66" t="s">
        <v>105</v>
      </c>
      <c r="D63" s="66"/>
      <c r="E63" s="52"/>
      <c r="F63" s="129"/>
      <c r="G63" s="130"/>
    </row>
    <row r="64" spans="1:7" s="4" customFormat="1" ht="24.95" customHeight="1" x14ac:dyDescent="0.25">
      <c r="A64" s="78">
        <v>44716</v>
      </c>
      <c r="B64" s="65" t="s">
        <v>155</v>
      </c>
      <c r="C64" s="64" t="s">
        <v>154</v>
      </c>
      <c r="D64" s="64"/>
      <c r="E64" s="52"/>
      <c r="F64" s="129"/>
      <c r="G64" s="130"/>
    </row>
    <row r="65" spans="1:7" s="4" customFormat="1" ht="24.95" customHeight="1" x14ac:dyDescent="0.25">
      <c r="A65" s="78">
        <v>44746</v>
      </c>
      <c r="B65" s="65" t="s">
        <v>107</v>
      </c>
      <c r="C65" s="64"/>
      <c r="D65" s="64"/>
      <c r="E65" s="52"/>
      <c r="F65" s="129"/>
      <c r="G65" s="130"/>
    </row>
    <row r="66" spans="1:7" s="4" customFormat="1" ht="24.95" customHeight="1" x14ac:dyDescent="0.25">
      <c r="A66" s="78">
        <v>44777</v>
      </c>
      <c r="B66" s="65" t="s">
        <v>108</v>
      </c>
      <c r="C66" s="64"/>
      <c r="D66" s="64"/>
      <c r="E66" s="52"/>
      <c r="F66" s="129"/>
      <c r="G66" s="130"/>
    </row>
    <row r="67" spans="1:7" s="4" customFormat="1" ht="24.95" customHeight="1" x14ac:dyDescent="0.25">
      <c r="A67" s="78">
        <v>44808</v>
      </c>
      <c r="B67" s="65" t="s">
        <v>109</v>
      </c>
      <c r="C67" s="64"/>
      <c r="D67" s="64"/>
      <c r="E67" s="52"/>
      <c r="F67" s="129"/>
      <c r="G67" s="130"/>
    </row>
    <row r="68" spans="1:7" s="4" customFormat="1" ht="24.95" customHeight="1" x14ac:dyDescent="0.25">
      <c r="A68" s="156" t="s">
        <v>110</v>
      </c>
      <c r="B68" s="157"/>
      <c r="C68" s="87"/>
      <c r="D68" s="87"/>
      <c r="E68" s="52"/>
      <c r="F68" s="129"/>
      <c r="G68" s="130"/>
    </row>
    <row r="69" spans="1:7" s="4" customFormat="1" ht="24.95" customHeight="1" x14ac:dyDescent="0.25">
      <c r="A69" s="234">
        <v>44566</v>
      </c>
      <c r="B69" s="83" t="s">
        <v>111</v>
      </c>
      <c r="C69" s="66"/>
      <c r="D69" s="66"/>
      <c r="E69" s="52"/>
      <c r="F69" s="129"/>
      <c r="G69" s="130"/>
    </row>
    <row r="70" spans="1:7" s="4" customFormat="1" ht="24.95" customHeight="1" x14ac:dyDescent="0.25">
      <c r="A70" s="78">
        <v>44597</v>
      </c>
      <c r="B70" s="77" t="s">
        <v>121</v>
      </c>
      <c r="C70" s="84"/>
      <c r="D70" s="84"/>
      <c r="E70" s="52"/>
      <c r="F70" s="129"/>
      <c r="G70" s="130"/>
    </row>
    <row r="71" spans="1:7" s="4" customFormat="1" ht="24.95" customHeight="1" x14ac:dyDescent="0.25">
      <c r="A71" s="78">
        <v>44625</v>
      </c>
      <c r="B71" s="77" t="s">
        <v>122</v>
      </c>
      <c r="C71" s="80"/>
      <c r="D71" s="80"/>
      <c r="E71" s="52"/>
      <c r="F71" s="129"/>
      <c r="G71" s="130"/>
    </row>
    <row r="72" spans="1:7" s="4" customFormat="1" ht="24.95" customHeight="1" x14ac:dyDescent="0.25">
      <c r="A72" s="78">
        <v>44656</v>
      </c>
      <c r="B72" s="77" t="s">
        <v>112</v>
      </c>
      <c r="C72" s="68" t="s">
        <v>113</v>
      </c>
      <c r="D72" s="91"/>
      <c r="E72" s="52"/>
      <c r="F72" s="129"/>
      <c r="G72" s="130"/>
    </row>
    <row r="73" spans="1:7" s="4" customFormat="1" ht="24.95" customHeight="1" x14ac:dyDescent="0.25">
      <c r="A73" s="78">
        <v>44686</v>
      </c>
      <c r="B73" s="77" t="s">
        <v>114</v>
      </c>
      <c r="C73" s="68" t="s">
        <v>115</v>
      </c>
      <c r="D73" s="91"/>
      <c r="E73" s="52"/>
      <c r="F73" s="129"/>
      <c r="G73" s="130"/>
    </row>
    <row r="74" spans="1:7" s="4" customFormat="1" ht="24.95" customHeight="1" x14ac:dyDescent="0.25">
      <c r="A74" s="78">
        <v>44717</v>
      </c>
      <c r="B74" s="77" t="s">
        <v>116</v>
      </c>
      <c r="C74" s="68" t="s">
        <v>117</v>
      </c>
      <c r="D74" s="91"/>
      <c r="E74" s="52"/>
      <c r="F74" s="129"/>
      <c r="G74" s="130"/>
    </row>
    <row r="75" spans="1:7" s="4" customFormat="1" ht="24.95" customHeight="1" x14ac:dyDescent="0.25">
      <c r="A75" s="78">
        <v>44747</v>
      </c>
      <c r="B75" s="77" t="s">
        <v>118</v>
      </c>
      <c r="C75" s="68" t="s">
        <v>119</v>
      </c>
      <c r="D75" s="91"/>
      <c r="E75" s="52"/>
      <c r="F75" s="129"/>
      <c r="G75" s="130"/>
    </row>
    <row r="76" spans="1:7" s="4" customFormat="1" ht="24.95" customHeight="1" x14ac:dyDescent="0.25">
      <c r="A76" s="78">
        <v>44778</v>
      </c>
      <c r="B76" s="77" t="s">
        <v>120</v>
      </c>
      <c r="C76" s="68"/>
      <c r="D76" s="91"/>
      <c r="E76" s="52"/>
      <c r="F76" s="129"/>
      <c r="G76" s="130"/>
    </row>
    <row r="77" spans="1:7" s="4" customFormat="1" ht="24.95" customHeight="1" x14ac:dyDescent="0.25">
      <c r="A77" s="156" t="s">
        <v>123</v>
      </c>
      <c r="B77" s="157"/>
      <c r="C77" s="87"/>
      <c r="D77" s="87"/>
      <c r="E77" s="52"/>
      <c r="F77" s="129"/>
      <c r="G77" s="130"/>
    </row>
    <row r="78" spans="1:7" s="4" customFormat="1" ht="24.95" customHeight="1" x14ac:dyDescent="0.25">
      <c r="A78" s="78">
        <v>44567</v>
      </c>
      <c r="B78" s="79" t="s">
        <v>124</v>
      </c>
      <c r="C78" s="66"/>
      <c r="D78" s="66"/>
      <c r="E78" s="52"/>
      <c r="F78" s="129"/>
      <c r="G78" s="130"/>
    </row>
    <row r="79" spans="1:7" s="4" customFormat="1" ht="24.95" customHeight="1" x14ac:dyDescent="0.25">
      <c r="A79" s="78">
        <v>44598</v>
      </c>
      <c r="B79" s="79" t="s">
        <v>125</v>
      </c>
      <c r="C79" s="66"/>
      <c r="D79" s="66"/>
      <c r="E79" s="52"/>
      <c r="F79" s="129"/>
      <c r="G79" s="130"/>
    </row>
    <row r="80" spans="1:7" s="4" customFormat="1" ht="24.95" customHeight="1" x14ac:dyDescent="0.25">
      <c r="A80" s="78">
        <v>44626</v>
      </c>
      <c r="B80" s="79" t="s">
        <v>120</v>
      </c>
      <c r="C80" s="66"/>
      <c r="D80" s="66"/>
      <c r="E80" s="52"/>
      <c r="F80" s="129"/>
      <c r="G80" s="130"/>
    </row>
    <row r="81" spans="1:7" s="4" customFormat="1" ht="24.95" customHeight="1" x14ac:dyDescent="0.25">
      <c r="A81" s="78">
        <v>44657</v>
      </c>
      <c r="B81" s="79" t="s">
        <v>126</v>
      </c>
      <c r="C81" s="66"/>
      <c r="D81" s="66"/>
      <c r="E81" s="52"/>
      <c r="F81" s="129"/>
      <c r="G81" s="130"/>
    </row>
    <row r="82" spans="1:7" s="4" customFormat="1" ht="24.95" customHeight="1" x14ac:dyDescent="0.25">
      <c r="A82" s="78">
        <v>44687</v>
      </c>
      <c r="B82" s="79" t="s">
        <v>127</v>
      </c>
      <c r="C82" s="66"/>
      <c r="D82" s="66"/>
      <c r="E82" s="52"/>
      <c r="F82" s="129"/>
      <c r="G82" s="130"/>
    </row>
    <row r="83" spans="1:7" s="4" customFormat="1" ht="24.95" customHeight="1" x14ac:dyDescent="0.25">
      <c r="A83" s="78">
        <v>44718</v>
      </c>
      <c r="B83" s="79" t="s">
        <v>128</v>
      </c>
      <c r="C83" s="66"/>
      <c r="D83" s="66"/>
      <c r="E83" s="52"/>
      <c r="F83" s="129"/>
      <c r="G83" s="130"/>
    </row>
    <row r="84" spans="1:7" s="4" customFormat="1" ht="24.95" customHeight="1" x14ac:dyDescent="0.25">
      <c r="A84" s="156" t="s">
        <v>129</v>
      </c>
      <c r="B84" s="157"/>
      <c r="C84" s="87"/>
      <c r="D84" s="87"/>
      <c r="E84" s="52"/>
      <c r="F84" s="129"/>
      <c r="G84" s="130"/>
    </row>
    <row r="85" spans="1:7" s="4" customFormat="1" ht="24.95" customHeight="1" x14ac:dyDescent="0.25">
      <c r="A85" s="78">
        <v>44568</v>
      </c>
      <c r="B85" s="79" t="s">
        <v>130</v>
      </c>
      <c r="C85" s="66"/>
      <c r="D85" s="66"/>
      <c r="E85" s="52"/>
      <c r="F85" s="129"/>
      <c r="G85" s="130"/>
    </row>
    <row r="86" spans="1:7" s="4" customFormat="1" ht="51" x14ac:dyDescent="0.25">
      <c r="A86" s="78">
        <v>44599</v>
      </c>
      <c r="B86" s="79" t="s">
        <v>156</v>
      </c>
      <c r="C86" s="66"/>
      <c r="D86" s="66"/>
      <c r="E86" s="52"/>
      <c r="F86" s="129"/>
      <c r="G86" s="130"/>
    </row>
    <row r="87" spans="1:7" s="4" customFormat="1" ht="24.95" customHeight="1" x14ac:dyDescent="0.25">
      <c r="A87" s="78">
        <v>44627</v>
      </c>
      <c r="B87" s="79" t="s">
        <v>131</v>
      </c>
      <c r="C87" s="66"/>
      <c r="D87" s="66"/>
      <c r="E87" s="52"/>
      <c r="F87" s="129"/>
      <c r="G87" s="130"/>
    </row>
    <row r="88" spans="1:7" s="4" customFormat="1" ht="24.95" customHeight="1" x14ac:dyDescent="0.25">
      <c r="A88" s="78">
        <v>44658</v>
      </c>
      <c r="B88" s="79" t="s">
        <v>132</v>
      </c>
      <c r="C88" s="84"/>
      <c r="D88" s="84"/>
      <c r="E88" s="52"/>
      <c r="F88" s="129"/>
      <c r="G88" s="130"/>
    </row>
    <row r="89" spans="1:7" s="4" customFormat="1" ht="24.95" customHeight="1" x14ac:dyDescent="0.25">
      <c r="A89" s="78">
        <v>44688</v>
      </c>
      <c r="B89" s="79" t="s">
        <v>133</v>
      </c>
      <c r="C89" s="80"/>
      <c r="D89" s="80"/>
      <c r="E89" s="52"/>
      <c r="F89" s="129"/>
      <c r="G89" s="130"/>
    </row>
    <row r="90" spans="1:7" s="4" customFormat="1" ht="24.95" customHeight="1" x14ac:dyDescent="0.25">
      <c r="A90" s="78">
        <v>44719</v>
      </c>
      <c r="B90" s="79" t="s">
        <v>136</v>
      </c>
      <c r="C90" s="64" t="s">
        <v>134</v>
      </c>
      <c r="D90" s="64"/>
      <c r="E90" s="52"/>
      <c r="F90" s="129"/>
      <c r="G90" s="130"/>
    </row>
    <row r="91" spans="1:7" s="4" customFormat="1" ht="24.95" customHeight="1" x14ac:dyDescent="0.25">
      <c r="A91" s="78">
        <v>44749</v>
      </c>
      <c r="B91" s="76" t="s">
        <v>137</v>
      </c>
      <c r="C91" s="64"/>
      <c r="D91" s="64" t="s">
        <v>135</v>
      </c>
      <c r="E91" s="52"/>
      <c r="F91" s="129"/>
      <c r="G91" s="130"/>
    </row>
    <row r="92" spans="1:7" s="4" customFormat="1" ht="25.5" customHeight="1" x14ac:dyDescent="0.25">
      <c r="A92" s="156" t="s">
        <v>138</v>
      </c>
      <c r="B92" s="157"/>
      <c r="C92" s="92"/>
      <c r="D92" s="92"/>
      <c r="E92" s="52"/>
      <c r="F92" s="129"/>
      <c r="G92" s="130"/>
    </row>
    <row r="93" spans="1:7" s="4" customFormat="1" ht="25.5" customHeight="1" x14ac:dyDescent="0.25">
      <c r="A93" s="78">
        <v>44569</v>
      </c>
      <c r="B93" s="77" t="s">
        <v>141</v>
      </c>
      <c r="C93" s="68" t="s">
        <v>139</v>
      </c>
      <c r="D93" s="91"/>
      <c r="E93" s="52"/>
      <c r="F93" s="129"/>
      <c r="G93" s="130"/>
    </row>
    <row r="94" spans="1:7" s="4" customFormat="1" ht="25.5" customHeight="1" x14ac:dyDescent="0.25">
      <c r="A94" s="78">
        <v>44600</v>
      </c>
      <c r="B94" s="77" t="s">
        <v>140</v>
      </c>
      <c r="C94" s="68" t="s">
        <v>142</v>
      </c>
      <c r="D94" s="91"/>
      <c r="E94" s="52"/>
      <c r="F94" s="129"/>
      <c r="G94" s="130"/>
    </row>
    <row r="95" spans="1:7" s="4" customFormat="1" ht="25.5" customHeight="1" x14ac:dyDescent="0.25">
      <c r="A95" s="78">
        <v>44628</v>
      </c>
      <c r="B95" s="77" t="s">
        <v>143</v>
      </c>
      <c r="C95" s="68"/>
      <c r="D95" s="91"/>
      <c r="E95" s="52"/>
      <c r="F95" s="129"/>
      <c r="G95" s="130"/>
    </row>
    <row r="96" spans="1:7" s="4" customFormat="1" ht="25.5" customHeight="1" x14ac:dyDescent="0.25">
      <c r="A96" s="78">
        <v>44659</v>
      </c>
      <c r="B96" s="77" t="s">
        <v>144</v>
      </c>
      <c r="C96" s="68"/>
      <c r="D96" s="91"/>
      <c r="E96" s="52"/>
      <c r="F96" s="129"/>
      <c r="G96" s="130"/>
    </row>
    <row r="97" spans="1:7" s="4" customFormat="1" ht="25.5" customHeight="1" x14ac:dyDescent="0.25">
      <c r="A97" s="78">
        <v>44689</v>
      </c>
      <c r="B97" s="77" t="s">
        <v>145</v>
      </c>
      <c r="C97" s="68"/>
      <c r="D97" s="91"/>
      <c r="E97" s="52"/>
      <c r="F97" s="129"/>
      <c r="G97" s="130"/>
    </row>
    <row r="98" spans="1:7" s="4" customFormat="1" ht="25.5" customHeight="1" x14ac:dyDescent="0.25">
      <c r="A98" s="78">
        <v>44720</v>
      </c>
      <c r="B98" s="77" t="s">
        <v>146</v>
      </c>
      <c r="C98" s="68"/>
      <c r="D98" s="91"/>
      <c r="E98" s="52"/>
      <c r="F98" s="129"/>
      <c r="G98" s="130"/>
    </row>
    <row r="99" spans="1:7" s="4" customFormat="1" ht="25.5" customHeight="1" x14ac:dyDescent="0.25">
      <c r="A99" s="78">
        <v>44750</v>
      </c>
      <c r="B99" s="77" t="s">
        <v>147</v>
      </c>
      <c r="C99" s="68"/>
      <c r="D99" s="91"/>
      <c r="E99" s="52"/>
      <c r="F99" s="129"/>
      <c r="G99" s="130"/>
    </row>
    <row r="100" spans="1:7" s="4" customFormat="1" ht="25.5" customHeight="1" x14ac:dyDescent="0.25">
      <c r="A100" s="78">
        <v>44781</v>
      </c>
      <c r="B100" s="77" t="s">
        <v>148</v>
      </c>
      <c r="C100" s="68"/>
      <c r="D100" s="91"/>
      <c r="E100" s="52"/>
      <c r="F100" s="129"/>
      <c r="G100" s="130"/>
    </row>
    <row r="101" spans="1:7" s="4" customFormat="1" ht="25.5" customHeight="1" x14ac:dyDescent="0.25">
      <c r="A101" s="78">
        <v>44812</v>
      </c>
      <c r="B101" s="77" t="s">
        <v>150</v>
      </c>
      <c r="C101" s="68"/>
      <c r="D101" s="68" t="s">
        <v>149</v>
      </c>
      <c r="E101" s="52"/>
      <c r="F101" s="129"/>
      <c r="G101" s="130"/>
    </row>
    <row r="102" spans="1:7" s="4" customFormat="1" ht="24.95" customHeight="1" x14ac:dyDescent="0.25">
      <c r="A102" s="78">
        <v>44842</v>
      </c>
      <c r="B102" s="77" t="s">
        <v>151</v>
      </c>
      <c r="C102" s="68"/>
      <c r="D102" s="68" t="s">
        <v>149</v>
      </c>
      <c r="E102" s="52"/>
      <c r="F102" s="129"/>
      <c r="G102" s="130"/>
    </row>
    <row r="103" spans="1:7" s="4" customFormat="1" ht="51" x14ac:dyDescent="0.25">
      <c r="A103" s="78">
        <v>44873</v>
      </c>
      <c r="B103" s="67" t="s">
        <v>152</v>
      </c>
      <c r="C103" s="68"/>
      <c r="D103" s="91"/>
      <c r="E103" s="52"/>
      <c r="F103" s="129"/>
      <c r="G103" s="130"/>
    </row>
    <row r="104" spans="1:7" s="4" customFormat="1" ht="45" customHeight="1" thickBot="1" x14ac:dyDescent="0.3">
      <c r="A104" s="98" t="s">
        <v>161</v>
      </c>
      <c r="B104" s="97" t="s">
        <v>160</v>
      </c>
      <c r="C104" s="75"/>
      <c r="D104" s="75"/>
      <c r="E104" s="94"/>
      <c r="F104" s="161"/>
      <c r="G104" s="162"/>
    </row>
    <row r="105" spans="1:7" s="3" customFormat="1" ht="5.0999999999999996" customHeight="1" x14ac:dyDescent="0.25">
      <c r="A105" s="5"/>
      <c r="B105" s="5"/>
      <c r="C105" s="5"/>
      <c r="D105" s="5"/>
      <c r="E105" s="7"/>
      <c r="F105" s="7"/>
      <c r="G105" s="28"/>
    </row>
    <row r="106" spans="1:7" s="2" customFormat="1" ht="20.100000000000001" customHeight="1" x14ac:dyDescent="0.25">
      <c r="A106" s="160" t="s">
        <v>49</v>
      </c>
      <c r="B106" s="160"/>
      <c r="C106" s="160"/>
      <c r="D106" s="160"/>
      <c r="E106" s="160"/>
      <c r="F106" s="160"/>
      <c r="G106" s="160"/>
    </row>
    <row r="107" spans="1:7" s="2" customFormat="1" ht="5.0999999999999996" customHeight="1" thickBot="1" x14ac:dyDescent="0.3">
      <c r="A107" s="16"/>
      <c r="E107" s="6"/>
      <c r="F107" s="6"/>
      <c r="G107" s="6"/>
    </row>
    <row r="108" spans="1:7" s="3" customFormat="1" ht="69" customHeight="1" x14ac:dyDescent="0.25">
      <c r="A108" s="141" t="s">
        <v>8</v>
      </c>
      <c r="B108" s="142"/>
      <c r="C108" s="142"/>
      <c r="D108" s="143"/>
      <c r="E108" s="187" t="s">
        <v>29</v>
      </c>
      <c r="F108" s="187"/>
      <c r="G108" s="188"/>
    </row>
    <row r="109" spans="1:7" s="3" customFormat="1" ht="30" customHeight="1" thickBot="1" x14ac:dyDescent="0.3">
      <c r="A109" s="144"/>
      <c r="B109" s="145"/>
      <c r="C109" s="145"/>
      <c r="D109" s="146"/>
      <c r="E109" s="69" t="s">
        <v>7</v>
      </c>
      <c r="F109" s="189" t="s">
        <v>30</v>
      </c>
      <c r="G109" s="190"/>
    </row>
    <row r="110" spans="1:7" s="2" customFormat="1" ht="24.95" customHeight="1" x14ac:dyDescent="0.25">
      <c r="A110" s="108" t="s">
        <v>165</v>
      </c>
      <c r="B110" s="147" t="s">
        <v>164</v>
      </c>
      <c r="C110" s="148"/>
      <c r="D110" s="149"/>
      <c r="E110" s="46"/>
      <c r="F110" s="132"/>
      <c r="G110" s="133"/>
    </row>
    <row r="111" spans="1:7" s="2" customFormat="1" ht="24.95" customHeight="1" x14ac:dyDescent="0.25">
      <c r="A111" s="126" t="s">
        <v>166</v>
      </c>
      <c r="B111" s="136" t="s">
        <v>256</v>
      </c>
      <c r="C111" s="137"/>
      <c r="D111" s="138"/>
      <c r="E111" s="46"/>
      <c r="F111" s="158"/>
      <c r="G111" s="159"/>
    </row>
    <row r="112" spans="1:7" s="2" customFormat="1" ht="34.5" customHeight="1" x14ac:dyDescent="0.25">
      <c r="A112" s="127" t="s">
        <v>169</v>
      </c>
      <c r="B112" s="225" t="s">
        <v>285</v>
      </c>
      <c r="C112" s="226"/>
      <c r="D112" s="227"/>
      <c r="E112" s="122"/>
      <c r="F112" s="158"/>
      <c r="G112" s="159"/>
    </row>
    <row r="113" spans="1:7" s="2" customFormat="1" ht="24.95" customHeight="1" x14ac:dyDescent="0.25">
      <c r="A113" s="127" t="s">
        <v>170</v>
      </c>
      <c r="B113" s="150" t="s">
        <v>167</v>
      </c>
      <c r="C113" s="151"/>
      <c r="D113" s="152"/>
      <c r="E113" s="46"/>
      <c r="F113" s="158"/>
      <c r="G113" s="159"/>
    </row>
    <row r="114" spans="1:7" s="2" customFormat="1" ht="24.95" customHeight="1" x14ac:dyDescent="0.25">
      <c r="A114" s="127" t="s">
        <v>171</v>
      </c>
      <c r="B114" s="150" t="s">
        <v>168</v>
      </c>
      <c r="C114" s="151"/>
      <c r="D114" s="152"/>
      <c r="E114" s="46"/>
      <c r="F114" s="158"/>
      <c r="G114" s="159"/>
    </row>
    <row r="115" spans="1:7" s="2" customFormat="1" ht="40.5" customHeight="1" x14ac:dyDescent="0.25">
      <c r="A115" s="127" t="s">
        <v>172</v>
      </c>
      <c r="B115" s="150" t="s">
        <v>254</v>
      </c>
      <c r="C115" s="151"/>
      <c r="D115" s="152"/>
      <c r="E115" s="46"/>
      <c r="F115" s="158"/>
      <c r="G115" s="159"/>
    </row>
    <row r="116" spans="1:7" s="2" customFormat="1" ht="31.5" customHeight="1" x14ac:dyDescent="0.25">
      <c r="A116" s="127" t="s">
        <v>173</v>
      </c>
      <c r="B116" s="150" t="s">
        <v>255</v>
      </c>
      <c r="C116" s="151"/>
      <c r="D116" s="152"/>
      <c r="E116" s="122"/>
      <c r="F116" s="158"/>
      <c r="G116" s="159"/>
    </row>
    <row r="117" spans="1:7" s="2" customFormat="1" ht="108" customHeight="1" x14ac:dyDescent="0.25">
      <c r="A117" s="128" t="s">
        <v>174</v>
      </c>
      <c r="B117" s="153" t="s">
        <v>257</v>
      </c>
      <c r="C117" s="154"/>
      <c r="D117" s="155"/>
      <c r="E117" s="46"/>
      <c r="F117" s="158"/>
      <c r="G117" s="159"/>
    </row>
    <row r="118" spans="1:7" s="2" customFormat="1" ht="37.5" customHeight="1" x14ac:dyDescent="0.25">
      <c r="A118" s="110" t="s">
        <v>179</v>
      </c>
      <c r="B118" s="136" t="s">
        <v>286</v>
      </c>
      <c r="C118" s="137"/>
      <c r="D118" s="138"/>
      <c r="E118" s="46"/>
      <c r="F118" s="132"/>
      <c r="G118" s="133"/>
    </row>
    <row r="119" spans="1:7" s="2" customFormat="1" ht="72" customHeight="1" x14ac:dyDescent="0.25">
      <c r="A119" s="111" t="s">
        <v>180</v>
      </c>
      <c r="B119" s="136" t="s">
        <v>258</v>
      </c>
      <c r="C119" s="137" t="s">
        <v>175</v>
      </c>
      <c r="D119" s="138" t="s">
        <v>175</v>
      </c>
      <c r="E119" s="46"/>
      <c r="F119" s="132"/>
      <c r="G119" s="133"/>
    </row>
    <row r="120" spans="1:7" s="2" customFormat="1" ht="58.5" customHeight="1" x14ac:dyDescent="0.25">
      <c r="A120" s="110" t="s">
        <v>181</v>
      </c>
      <c r="B120" s="136" t="s">
        <v>287</v>
      </c>
      <c r="C120" s="137" t="s">
        <v>176</v>
      </c>
      <c r="D120" s="138" t="s">
        <v>176</v>
      </c>
      <c r="E120" s="46"/>
      <c r="F120" s="132"/>
      <c r="G120" s="133"/>
    </row>
    <row r="121" spans="1:7" s="2" customFormat="1" ht="50.25" customHeight="1" x14ac:dyDescent="0.25">
      <c r="A121" s="110" t="s">
        <v>182</v>
      </c>
      <c r="B121" s="136" t="s">
        <v>259</v>
      </c>
      <c r="C121" s="137" t="s">
        <v>177</v>
      </c>
      <c r="D121" s="138" t="s">
        <v>177</v>
      </c>
      <c r="E121" s="46"/>
      <c r="F121" s="132"/>
      <c r="G121" s="133"/>
    </row>
    <row r="122" spans="1:7" s="2" customFormat="1" ht="47.25" customHeight="1" x14ac:dyDescent="0.25">
      <c r="A122" s="110" t="s">
        <v>183</v>
      </c>
      <c r="B122" s="136" t="s">
        <v>178</v>
      </c>
      <c r="C122" s="137" t="s">
        <v>178</v>
      </c>
      <c r="D122" s="138" t="s">
        <v>178</v>
      </c>
      <c r="E122" s="46"/>
      <c r="F122" s="132"/>
      <c r="G122" s="133"/>
    </row>
    <row r="123" spans="1:7" s="2" customFormat="1" ht="47.25" customHeight="1" x14ac:dyDescent="0.25">
      <c r="A123" s="110" t="s">
        <v>189</v>
      </c>
      <c r="B123" s="136" t="s">
        <v>260</v>
      </c>
      <c r="C123" s="137" t="s">
        <v>184</v>
      </c>
      <c r="D123" s="138" t="s">
        <v>184</v>
      </c>
      <c r="E123" s="46"/>
      <c r="F123" s="132"/>
      <c r="G123" s="133"/>
    </row>
    <row r="124" spans="1:7" s="2" customFormat="1" ht="61.5" customHeight="1" x14ac:dyDescent="0.25">
      <c r="A124" s="110" t="s">
        <v>190</v>
      </c>
      <c r="B124" s="136" t="s">
        <v>185</v>
      </c>
      <c r="C124" s="137" t="s">
        <v>185</v>
      </c>
      <c r="D124" s="138" t="s">
        <v>185</v>
      </c>
      <c r="E124" s="46"/>
      <c r="F124" s="132"/>
      <c r="G124" s="133"/>
    </row>
    <row r="125" spans="1:7" s="2" customFormat="1" ht="31.5" customHeight="1" x14ac:dyDescent="0.25">
      <c r="A125" s="112" t="s">
        <v>191</v>
      </c>
      <c r="B125" s="136" t="s">
        <v>186</v>
      </c>
      <c r="C125" s="137" t="s">
        <v>186</v>
      </c>
      <c r="D125" s="138" t="s">
        <v>186</v>
      </c>
      <c r="E125" s="46"/>
      <c r="F125" s="132"/>
      <c r="G125" s="133"/>
    </row>
    <row r="126" spans="1:7" s="2" customFormat="1" ht="72.75" customHeight="1" x14ac:dyDescent="0.25">
      <c r="A126" s="113" t="s">
        <v>192</v>
      </c>
      <c r="B126" s="136" t="s">
        <v>261</v>
      </c>
      <c r="C126" s="137" t="s">
        <v>187</v>
      </c>
      <c r="D126" s="138" t="s">
        <v>187</v>
      </c>
      <c r="E126" s="46"/>
      <c r="F126" s="132"/>
      <c r="G126" s="133"/>
    </row>
    <row r="127" spans="1:7" s="2" customFormat="1" ht="123" customHeight="1" x14ac:dyDescent="0.25">
      <c r="A127" s="114" t="s">
        <v>193</v>
      </c>
      <c r="B127" s="136" t="s">
        <v>188</v>
      </c>
      <c r="C127" s="137" t="s">
        <v>188</v>
      </c>
      <c r="D127" s="138" t="s">
        <v>188</v>
      </c>
      <c r="E127" s="46"/>
      <c r="F127" s="132"/>
      <c r="G127" s="133"/>
    </row>
    <row r="128" spans="1:7" s="2" customFormat="1" ht="41.25" customHeight="1" x14ac:dyDescent="0.25">
      <c r="A128" s="13" t="s">
        <v>194</v>
      </c>
      <c r="B128" s="136" t="s">
        <v>200</v>
      </c>
      <c r="C128" s="137" t="s">
        <v>200</v>
      </c>
      <c r="D128" s="138" t="s">
        <v>200</v>
      </c>
      <c r="E128" s="46"/>
      <c r="F128" s="132"/>
      <c r="G128" s="133"/>
    </row>
    <row r="129" spans="1:7" s="2" customFormat="1" ht="53.25" customHeight="1" x14ac:dyDescent="0.25">
      <c r="A129" s="95" t="s">
        <v>195</v>
      </c>
      <c r="B129" s="136" t="s">
        <v>201</v>
      </c>
      <c r="C129" s="137" t="s">
        <v>201</v>
      </c>
      <c r="D129" s="138" t="s">
        <v>201</v>
      </c>
      <c r="E129" s="46"/>
      <c r="F129" s="132"/>
      <c r="G129" s="133"/>
    </row>
    <row r="130" spans="1:7" s="2" customFormat="1" ht="74.25" customHeight="1" x14ac:dyDescent="0.25">
      <c r="A130" s="111" t="s">
        <v>196</v>
      </c>
      <c r="B130" s="136" t="s">
        <v>275</v>
      </c>
      <c r="C130" s="137" t="s">
        <v>202</v>
      </c>
      <c r="D130" s="138" t="s">
        <v>202</v>
      </c>
      <c r="E130" s="46"/>
      <c r="F130" s="132"/>
      <c r="G130" s="133"/>
    </row>
    <row r="131" spans="1:7" s="2" customFormat="1" ht="71.25" customHeight="1" x14ac:dyDescent="0.25">
      <c r="A131" s="109" t="s">
        <v>197</v>
      </c>
      <c r="B131" s="136" t="s">
        <v>262</v>
      </c>
      <c r="C131" s="137" t="s">
        <v>203</v>
      </c>
      <c r="D131" s="138" t="s">
        <v>203</v>
      </c>
      <c r="E131" s="46"/>
      <c r="F131" s="132"/>
      <c r="G131" s="133"/>
    </row>
    <row r="132" spans="1:7" s="2" customFormat="1" ht="26.25" customHeight="1" x14ac:dyDescent="0.25">
      <c r="A132" s="13" t="s">
        <v>198</v>
      </c>
      <c r="B132" s="136" t="s">
        <v>263</v>
      </c>
      <c r="C132" s="137" t="s">
        <v>204</v>
      </c>
      <c r="D132" s="138" t="s">
        <v>204</v>
      </c>
      <c r="E132" s="46"/>
      <c r="F132" s="132"/>
      <c r="G132" s="133"/>
    </row>
    <row r="133" spans="1:7" s="2" customFormat="1" ht="39.75" customHeight="1" x14ac:dyDescent="0.25">
      <c r="A133" s="13" t="s">
        <v>199</v>
      </c>
      <c r="B133" s="136" t="s">
        <v>205</v>
      </c>
      <c r="C133" s="137" t="s">
        <v>205</v>
      </c>
      <c r="D133" s="138" t="s">
        <v>205</v>
      </c>
      <c r="E133" s="46"/>
      <c r="F133" s="132"/>
      <c r="G133" s="133"/>
    </row>
    <row r="134" spans="1:7" s="2" customFormat="1" ht="42" customHeight="1" x14ac:dyDescent="0.25">
      <c r="A134" s="13" t="s">
        <v>212</v>
      </c>
      <c r="B134" s="136" t="s">
        <v>264</v>
      </c>
      <c r="C134" s="137" t="s">
        <v>206</v>
      </c>
      <c r="D134" s="138" t="s">
        <v>206</v>
      </c>
      <c r="E134" s="46"/>
      <c r="F134" s="132"/>
      <c r="G134" s="133"/>
    </row>
    <row r="135" spans="1:7" s="2" customFormat="1" ht="38.25" customHeight="1" x14ac:dyDescent="0.25">
      <c r="A135" s="13" t="s">
        <v>213</v>
      </c>
      <c r="B135" s="136" t="s">
        <v>265</v>
      </c>
      <c r="C135" s="137" t="s">
        <v>207</v>
      </c>
      <c r="D135" s="138" t="s">
        <v>207</v>
      </c>
      <c r="E135" s="46"/>
      <c r="F135" s="132"/>
      <c r="G135" s="133"/>
    </row>
    <row r="136" spans="1:7" s="2" customFormat="1" ht="30.75" customHeight="1" x14ac:dyDescent="0.25">
      <c r="A136" s="13" t="s">
        <v>214</v>
      </c>
      <c r="B136" s="136" t="s">
        <v>266</v>
      </c>
      <c r="C136" s="137" t="s">
        <v>208</v>
      </c>
      <c r="D136" s="138" t="s">
        <v>208</v>
      </c>
      <c r="E136" s="46"/>
      <c r="F136" s="132"/>
      <c r="G136" s="133"/>
    </row>
    <row r="137" spans="1:7" s="2" customFormat="1" ht="43.5" customHeight="1" x14ac:dyDescent="0.25">
      <c r="A137" s="13" t="s">
        <v>215</v>
      </c>
      <c r="B137" s="136" t="s">
        <v>278</v>
      </c>
      <c r="C137" s="137" t="s">
        <v>278</v>
      </c>
      <c r="D137" s="138" t="s">
        <v>278</v>
      </c>
      <c r="E137" s="46"/>
      <c r="F137" s="132"/>
      <c r="G137" s="133"/>
    </row>
    <row r="138" spans="1:7" s="2" customFormat="1" ht="18.75" customHeight="1" x14ac:dyDescent="0.25">
      <c r="A138" s="13" t="s">
        <v>216</v>
      </c>
      <c r="B138" s="136" t="s">
        <v>209</v>
      </c>
      <c r="C138" s="137" t="s">
        <v>209</v>
      </c>
      <c r="D138" s="138" t="s">
        <v>209</v>
      </c>
      <c r="E138" s="46"/>
      <c r="F138" s="132"/>
      <c r="G138" s="133"/>
    </row>
    <row r="139" spans="1:7" s="2" customFormat="1" ht="30.75" customHeight="1" x14ac:dyDescent="0.25">
      <c r="A139" s="13" t="s">
        <v>217</v>
      </c>
      <c r="B139" s="136" t="s">
        <v>267</v>
      </c>
      <c r="C139" s="137" t="s">
        <v>210</v>
      </c>
      <c r="D139" s="138" t="s">
        <v>210</v>
      </c>
      <c r="E139" s="46"/>
      <c r="F139" s="132"/>
      <c r="G139" s="133"/>
    </row>
    <row r="140" spans="1:7" s="2" customFormat="1" ht="39.75" customHeight="1" x14ac:dyDescent="0.25">
      <c r="A140" s="13" t="s">
        <v>218</v>
      </c>
      <c r="B140" s="136" t="s">
        <v>268</v>
      </c>
      <c r="C140" s="137" t="s">
        <v>211</v>
      </c>
      <c r="D140" s="138" t="s">
        <v>211</v>
      </c>
      <c r="E140" s="46"/>
      <c r="F140" s="132"/>
      <c r="G140" s="133"/>
    </row>
    <row r="141" spans="1:7" s="2" customFormat="1" ht="44.25" customHeight="1" x14ac:dyDescent="0.25">
      <c r="A141" s="123" t="s">
        <v>222</v>
      </c>
      <c r="B141" s="136" t="s">
        <v>269</v>
      </c>
      <c r="C141" s="137" t="s">
        <v>219</v>
      </c>
      <c r="D141" s="138" t="s">
        <v>219</v>
      </c>
      <c r="E141" s="121"/>
      <c r="F141" s="228"/>
      <c r="G141" s="229"/>
    </row>
    <row r="142" spans="1:7" s="2" customFormat="1" ht="45.75" customHeight="1" x14ac:dyDescent="0.25">
      <c r="A142" s="124" t="s">
        <v>223</v>
      </c>
      <c r="B142" s="136" t="s">
        <v>279</v>
      </c>
      <c r="C142" s="137" t="s">
        <v>280</v>
      </c>
      <c r="D142" s="138" t="s">
        <v>280</v>
      </c>
      <c r="E142" s="120"/>
      <c r="F142" s="230"/>
      <c r="G142" s="231"/>
    </row>
    <row r="143" spans="1:7" s="2" customFormat="1" ht="57" customHeight="1" x14ac:dyDescent="0.25">
      <c r="A143" s="125" t="s">
        <v>224</v>
      </c>
      <c r="B143" s="136" t="s">
        <v>270</v>
      </c>
      <c r="C143" s="137" t="s">
        <v>220</v>
      </c>
      <c r="D143" s="138" t="s">
        <v>220</v>
      </c>
      <c r="E143" s="121"/>
      <c r="F143" s="228"/>
      <c r="G143" s="229"/>
    </row>
    <row r="144" spans="1:7" s="2" customFormat="1" ht="24.95" customHeight="1" x14ac:dyDescent="0.25">
      <c r="A144" s="109" t="s">
        <v>225</v>
      </c>
      <c r="B144" s="136" t="s">
        <v>221</v>
      </c>
      <c r="C144" s="137" t="s">
        <v>221</v>
      </c>
      <c r="D144" s="138" t="s">
        <v>221</v>
      </c>
      <c r="E144" s="46"/>
      <c r="F144" s="132"/>
      <c r="G144" s="133"/>
    </row>
    <row r="145" spans="1:7" s="2" customFormat="1" ht="24.95" customHeight="1" x14ac:dyDescent="0.25">
      <c r="A145" s="13" t="s">
        <v>226</v>
      </c>
      <c r="B145" s="136" t="s">
        <v>276</v>
      </c>
      <c r="C145" s="137" t="s">
        <v>276</v>
      </c>
      <c r="D145" s="138" t="s">
        <v>276</v>
      </c>
      <c r="E145" s="46"/>
      <c r="F145" s="139"/>
      <c r="G145" s="140"/>
    </row>
    <row r="146" spans="1:7" s="2" customFormat="1" ht="24.95" customHeight="1" x14ac:dyDescent="0.25">
      <c r="A146" s="95" t="s">
        <v>227</v>
      </c>
      <c r="B146" s="136" t="s">
        <v>277</v>
      </c>
      <c r="C146" s="137" t="s">
        <v>277</v>
      </c>
      <c r="D146" s="138" t="s">
        <v>277</v>
      </c>
      <c r="E146" s="46"/>
      <c r="F146" s="232"/>
      <c r="G146" s="233"/>
    </row>
    <row r="147" spans="1:7" s="2" customFormat="1" ht="46.5" customHeight="1" x14ac:dyDescent="0.25">
      <c r="A147" s="114" t="s">
        <v>228</v>
      </c>
      <c r="B147" s="136" t="s">
        <v>271</v>
      </c>
      <c r="C147" s="137" t="s">
        <v>233</v>
      </c>
      <c r="D147" s="138" t="s">
        <v>233</v>
      </c>
      <c r="E147" s="46"/>
      <c r="F147" s="132"/>
      <c r="G147" s="133"/>
    </row>
    <row r="148" spans="1:7" s="2" customFormat="1" ht="45.75" customHeight="1" x14ac:dyDescent="0.25">
      <c r="A148" s="13" t="s">
        <v>229</v>
      </c>
      <c r="B148" s="136" t="s">
        <v>281</v>
      </c>
      <c r="C148" s="137" t="s">
        <v>282</v>
      </c>
      <c r="D148" s="138" t="s">
        <v>282</v>
      </c>
      <c r="E148" s="119"/>
      <c r="F148" s="139"/>
      <c r="G148" s="140"/>
    </row>
    <row r="149" spans="1:7" s="2" customFormat="1" ht="49.5" customHeight="1" x14ac:dyDescent="0.25">
      <c r="A149" s="95" t="s">
        <v>230</v>
      </c>
      <c r="B149" s="136" t="s">
        <v>283</v>
      </c>
      <c r="C149" s="137" t="s">
        <v>284</v>
      </c>
      <c r="D149" s="138" t="s">
        <v>284</v>
      </c>
      <c r="E149" s="119"/>
      <c r="F149" s="139"/>
      <c r="G149" s="140"/>
    </row>
    <row r="150" spans="1:7" s="2" customFormat="1" ht="90.75" customHeight="1" x14ac:dyDescent="0.25">
      <c r="A150" s="111" t="s">
        <v>231</v>
      </c>
      <c r="B150" s="136" t="s">
        <v>272</v>
      </c>
      <c r="C150" s="137" t="s">
        <v>234</v>
      </c>
      <c r="D150" s="138" t="s">
        <v>234</v>
      </c>
      <c r="E150" s="46"/>
      <c r="F150" s="132"/>
      <c r="G150" s="133"/>
    </row>
    <row r="151" spans="1:7" s="2" customFormat="1" ht="80.25" customHeight="1" x14ac:dyDescent="0.25">
      <c r="A151" s="111" t="s">
        <v>232</v>
      </c>
      <c r="B151" s="136" t="s">
        <v>273</v>
      </c>
      <c r="C151" s="137" t="s">
        <v>235</v>
      </c>
      <c r="D151" s="138" t="s">
        <v>235</v>
      </c>
      <c r="E151" s="46"/>
      <c r="F151" s="132"/>
      <c r="G151" s="133"/>
    </row>
    <row r="152" spans="1:7" s="2" customFormat="1" ht="31.5" customHeight="1" x14ac:dyDescent="0.25">
      <c r="A152" s="111" t="s">
        <v>239</v>
      </c>
      <c r="B152" s="136" t="s">
        <v>236</v>
      </c>
      <c r="C152" s="137" t="s">
        <v>236</v>
      </c>
      <c r="D152" s="138" t="s">
        <v>236</v>
      </c>
      <c r="E152" s="46"/>
      <c r="F152" s="132"/>
      <c r="G152" s="133"/>
    </row>
    <row r="153" spans="1:7" s="2" customFormat="1" ht="41.25" customHeight="1" x14ac:dyDescent="0.25">
      <c r="A153" s="118" t="s">
        <v>240</v>
      </c>
      <c r="B153" s="136" t="s">
        <v>274</v>
      </c>
      <c r="C153" s="137" t="s">
        <v>237</v>
      </c>
      <c r="D153" s="138" t="s">
        <v>237</v>
      </c>
      <c r="E153" s="46"/>
      <c r="F153" s="132"/>
      <c r="G153" s="133"/>
    </row>
    <row r="154" spans="1:7" s="2" customFormat="1" ht="68.25" customHeight="1" x14ac:dyDescent="0.25">
      <c r="A154" s="111" t="s">
        <v>241</v>
      </c>
      <c r="B154" s="136" t="s">
        <v>238</v>
      </c>
      <c r="C154" s="137" t="s">
        <v>238</v>
      </c>
      <c r="D154" s="138" t="s">
        <v>238</v>
      </c>
      <c r="E154" s="115"/>
      <c r="F154" s="132"/>
      <c r="G154" s="133"/>
    </row>
    <row r="155" spans="1:7" s="2" customFormat="1" ht="54" customHeight="1" x14ac:dyDescent="0.25">
      <c r="A155" s="111" t="s">
        <v>250</v>
      </c>
      <c r="B155" s="136" t="s">
        <v>251</v>
      </c>
      <c r="C155" s="137"/>
      <c r="D155" s="138"/>
      <c r="E155" s="115"/>
      <c r="F155" s="116"/>
      <c r="G155" s="117"/>
    </row>
    <row r="156" spans="1:7" s="2" customFormat="1" ht="61.5" customHeight="1" x14ac:dyDescent="0.25">
      <c r="A156" s="111" t="s">
        <v>245</v>
      </c>
      <c r="B156" s="136" t="s">
        <v>242</v>
      </c>
      <c r="C156" s="137" t="s">
        <v>242</v>
      </c>
      <c r="D156" s="138" t="s">
        <v>242</v>
      </c>
      <c r="E156" s="115"/>
      <c r="F156" s="116"/>
      <c r="G156" s="117"/>
    </row>
    <row r="157" spans="1:7" s="2" customFormat="1" ht="126.75" customHeight="1" x14ac:dyDescent="0.25">
      <c r="A157" s="111" t="s">
        <v>246</v>
      </c>
      <c r="B157" s="136" t="s">
        <v>243</v>
      </c>
      <c r="C157" s="137" t="s">
        <v>243</v>
      </c>
      <c r="D157" s="138" t="s">
        <v>243</v>
      </c>
      <c r="E157" s="115"/>
      <c r="F157" s="116"/>
      <c r="G157" s="117"/>
    </row>
    <row r="158" spans="1:7" s="2" customFormat="1" ht="66.75" customHeight="1" x14ac:dyDescent="0.25">
      <c r="A158" s="111" t="s">
        <v>247</v>
      </c>
      <c r="B158" s="136" t="s">
        <v>244</v>
      </c>
      <c r="C158" s="137" t="s">
        <v>244</v>
      </c>
      <c r="D158" s="138" t="s">
        <v>244</v>
      </c>
      <c r="E158" s="115"/>
      <c r="F158" s="116"/>
      <c r="G158" s="117"/>
    </row>
    <row r="159" spans="1:7" s="2" customFormat="1" ht="79.5" customHeight="1" x14ac:dyDescent="0.25">
      <c r="A159" s="111" t="s">
        <v>248</v>
      </c>
      <c r="B159" s="136" t="s">
        <v>252</v>
      </c>
      <c r="C159" s="137" t="s">
        <v>252</v>
      </c>
      <c r="D159" s="138" t="s">
        <v>252</v>
      </c>
      <c r="E159" s="115"/>
      <c r="F159" s="116"/>
      <c r="G159" s="117"/>
    </row>
    <row r="160" spans="1:7" s="2" customFormat="1" ht="45.75" customHeight="1" thickBot="1" x14ac:dyDescent="0.3">
      <c r="A160" s="112" t="s">
        <v>249</v>
      </c>
      <c r="B160" s="136" t="s">
        <v>253</v>
      </c>
      <c r="C160" s="137" t="s">
        <v>253</v>
      </c>
      <c r="D160" s="138" t="s">
        <v>253</v>
      </c>
      <c r="E160" s="47"/>
      <c r="F160" s="134"/>
      <c r="G160" s="135"/>
    </row>
    <row r="161" spans="1:8" s="3" customFormat="1" ht="5.0999999999999996" customHeight="1" x14ac:dyDescent="0.25">
      <c r="A161" s="5"/>
      <c r="B161" s="5"/>
      <c r="C161" s="5"/>
      <c r="D161" s="5"/>
      <c r="E161" s="7"/>
      <c r="F161" s="7"/>
      <c r="G161" s="28"/>
    </row>
    <row r="162" spans="1:8" s="2" customFormat="1" ht="20.100000000000001" customHeight="1" x14ac:dyDescent="0.25">
      <c r="A162" s="131" t="s">
        <v>56</v>
      </c>
      <c r="B162" s="131"/>
      <c r="C162" s="131"/>
      <c r="D162" s="131"/>
      <c r="E162" s="131"/>
      <c r="F162" s="131"/>
      <c r="G162" s="131"/>
      <c r="H162" s="163"/>
    </row>
    <row r="163" spans="1:8" s="2" customFormat="1" ht="4.5" customHeight="1" thickBot="1" x14ac:dyDescent="0.3">
      <c r="H163" s="163"/>
    </row>
    <row r="164" spans="1:8" s="2" customFormat="1" ht="80.25" customHeight="1" x14ac:dyDescent="0.25">
      <c r="A164" s="141" t="s">
        <v>61</v>
      </c>
      <c r="B164" s="142"/>
      <c r="C164" s="58"/>
      <c r="D164" s="58"/>
      <c r="E164" s="172" t="s">
        <v>57</v>
      </c>
      <c r="F164" s="173"/>
      <c r="G164" s="174"/>
      <c r="H164" s="163"/>
    </row>
    <row r="165" spans="1:8" s="3" customFormat="1" ht="29.25" customHeight="1" thickBot="1" x14ac:dyDescent="0.3">
      <c r="A165" s="170"/>
      <c r="B165" s="171"/>
      <c r="C165" s="59"/>
      <c r="D165" s="59"/>
      <c r="E165" s="26" t="s">
        <v>7</v>
      </c>
      <c r="F165" s="203" t="s">
        <v>30</v>
      </c>
      <c r="G165" s="204"/>
      <c r="H165" s="163"/>
    </row>
    <row r="166" spans="1:8" s="3" customFormat="1" ht="27" customHeight="1" x14ac:dyDescent="0.25">
      <c r="A166" s="45" t="s">
        <v>31</v>
      </c>
      <c r="B166" s="211" t="s">
        <v>59</v>
      </c>
      <c r="C166" s="212"/>
      <c r="D166" s="213"/>
      <c r="E166" s="43"/>
      <c r="F166" s="207"/>
      <c r="G166" s="208"/>
      <c r="H166" s="163"/>
    </row>
    <row r="167" spans="1:8" s="3" customFormat="1" ht="24.95" customHeight="1" x14ac:dyDescent="0.25">
      <c r="A167" s="13" t="s">
        <v>32</v>
      </c>
      <c r="B167" s="214" t="s">
        <v>58</v>
      </c>
      <c r="C167" s="215"/>
      <c r="D167" s="216"/>
      <c r="E167" s="42"/>
      <c r="F167" s="209"/>
      <c r="G167" s="210"/>
      <c r="H167" s="163"/>
    </row>
    <row r="168" spans="1:8" s="3" customFormat="1" ht="31.5" customHeight="1" x14ac:dyDescent="0.25">
      <c r="A168" s="95" t="s">
        <v>33</v>
      </c>
      <c r="B168" s="214" t="s">
        <v>157</v>
      </c>
      <c r="C168" s="215"/>
      <c r="D168" s="216"/>
      <c r="E168" s="96"/>
      <c r="F168" s="209"/>
      <c r="G168" s="210"/>
      <c r="H168" s="163"/>
    </row>
    <row r="169" spans="1:8" s="2" customFormat="1" ht="33" customHeight="1" x14ac:dyDescent="0.25">
      <c r="A169" s="101" t="s">
        <v>158</v>
      </c>
      <c r="B169" s="217" t="s">
        <v>159</v>
      </c>
      <c r="C169" s="218"/>
      <c r="D169" s="219"/>
      <c r="E169" s="102"/>
      <c r="F169" s="201"/>
      <c r="G169" s="202"/>
      <c r="H169" s="163"/>
    </row>
    <row r="170" spans="1:8" s="2" customFormat="1" ht="33" customHeight="1" thickBot="1" x14ac:dyDescent="0.3">
      <c r="A170" s="103" t="s">
        <v>162</v>
      </c>
      <c r="B170" s="220" t="s">
        <v>163</v>
      </c>
      <c r="C170" s="221"/>
      <c r="D170" s="222"/>
      <c r="E170" s="100"/>
      <c r="F170" s="223"/>
      <c r="G170" s="224"/>
      <c r="H170" s="99"/>
    </row>
    <row r="171" spans="1:8" s="2" customFormat="1" ht="5.0999999999999996" customHeight="1" x14ac:dyDescent="0.25">
      <c r="A171" s="5"/>
      <c r="B171" s="5"/>
      <c r="C171" s="5"/>
      <c r="D171" s="5"/>
      <c r="E171" s="7"/>
      <c r="F171" s="7"/>
      <c r="G171" s="28"/>
    </row>
    <row r="172" spans="1:8" s="2" customFormat="1" ht="20.100000000000001" customHeight="1" x14ac:dyDescent="0.25">
      <c r="A172" s="160" t="s">
        <v>15</v>
      </c>
      <c r="B172" s="160"/>
      <c r="C172" s="160"/>
      <c r="D172" s="160"/>
      <c r="E172" s="160"/>
      <c r="F172" s="160"/>
      <c r="G172" s="160"/>
    </row>
    <row r="173" spans="1:8" s="3" customFormat="1" ht="30" customHeight="1" x14ac:dyDescent="0.25">
      <c r="A173" s="5" t="s">
        <v>16</v>
      </c>
      <c r="B173" s="205" t="s">
        <v>50</v>
      </c>
      <c r="C173" s="205"/>
      <c r="D173" s="205"/>
      <c r="E173" s="205"/>
      <c r="F173" s="205"/>
      <c r="G173" s="205"/>
    </row>
    <row r="174" spans="1:8" s="30" customFormat="1" ht="30" customHeight="1" x14ac:dyDescent="0.25">
      <c r="A174" s="5" t="s">
        <v>34</v>
      </c>
      <c r="B174" s="205" t="s">
        <v>35</v>
      </c>
      <c r="C174" s="205"/>
      <c r="D174" s="205"/>
      <c r="E174" s="205"/>
      <c r="F174" s="205"/>
      <c r="G174" s="205"/>
    </row>
    <row r="175" spans="1:8" s="30" customFormat="1" ht="30" customHeight="1" x14ac:dyDescent="0.25">
      <c r="A175" s="206" t="s">
        <v>36</v>
      </c>
      <c r="B175" s="206"/>
      <c r="C175" s="206"/>
      <c r="D175" s="206"/>
      <c r="E175" s="206"/>
      <c r="F175" s="206"/>
      <c r="G175" s="3"/>
    </row>
    <row r="176" spans="1:8" s="2" customFormat="1" ht="24.95" customHeight="1" x14ac:dyDescent="0.25">
      <c r="A176" s="29" t="s">
        <v>37</v>
      </c>
      <c r="B176" s="70"/>
      <c r="C176" s="70"/>
      <c r="D176" s="70"/>
      <c r="E176" s="70"/>
      <c r="G176" s="30"/>
    </row>
    <row r="177" spans="1:7" s="2" customFormat="1" ht="24.95" customHeight="1" x14ac:dyDescent="0.25">
      <c r="A177" s="29" t="s">
        <v>38</v>
      </c>
      <c r="B177" s="71"/>
      <c r="C177" s="71"/>
      <c r="D177" s="71"/>
      <c r="E177" s="71"/>
      <c r="G177" s="30"/>
    </row>
    <row r="178" spans="1:7" s="2" customFormat="1" ht="24.95" customHeight="1" x14ac:dyDescent="0.25">
      <c r="A178" s="29" t="s">
        <v>39</v>
      </c>
      <c r="B178" s="71"/>
      <c r="C178" s="71"/>
      <c r="D178" s="71"/>
      <c r="E178" s="71"/>
      <c r="G178" s="30"/>
    </row>
    <row r="179" spans="1:7" s="3" customFormat="1" ht="24.95" customHeight="1" x14ac:dyDescent="0.25">
      <c r="A179" s="29" t="s">
        <v>40</v>
      </c>
      <c r="B179" s="71"/>
      <c r="C179" s="71"/>
      <c r="D179" s="71"/>
      <c r="E179" s="71"/>
      <c r="F179" s="2"/>
      <c r="G179" s="31"/>
    </row>
    <row r="180" spans="1:7" s="2" customFormat="1" ht="46.5" customHeight="1" x14ac:dyDescent="0.2">
      <c r="A180" s="11"/>
      <c r="B180" s="12"/>
      <c r="C180" s="12"/>
      <c r="D180" s="12"/>
      <c r="E180" s="12"/>
      <c r="G180" s="32"/>
    </row>
    <row r="181" spans="1:7" s="3" customFormat="1" ht="15" customHeight="1" x14ac:dyDescent="0.25">
      <c r="A181" s="199" t="s">
        <v>41</v>
      </c>
      <c r="B181" s="199"/>
      <c r="C181" s="199"/>
      <c r="D181" s="199"/>
      <c r="E181" s="199"/>
      <c r="F181" s="199"/>
      <c r="G181" s="199"/>
    </row>
    <row r="182" spans="1:7" s="2" customFormat="1" ht="36.75" customHeight="1" x14ac:dyDescent="0.25">
      <c r="A182" s="200" t="s">
        <v>53</v>
      </c>
      <c r="B182" s="200"/>
      <c r="C182" s="200"/>
      <c r="D182" s="200"/>
      <c r="E182" s="200"/>
      <c r="F182" s="200"/>
      <c r="G182" s="200"/>
    </row>
    <row r="183" spans="1:7" s="2" customFormat="1" ht="20.100000000000001" customHeight="1" x14ac:dyDescent="0.2">
      <c r="A183" s="1"/>
      <c r="B183" s="1"/>
      <c r="C183" s="1"/>
      <c r="D183" s="1"/>
      <c r="E183" s="8"/>
      <c r="F183" s="8"/>
    </row>
    <row r="184" spans="1:7" s="3" customFormat="1" ht="4.5" customHeight="1" x14ac:dyDescent="0.2">
      <c r="A184" s="1"/>
      <c r="B184" s="1"/>
      <c r="C184" s="1"/>
      <c r="D184" s="1"/>
      <c r="E184" s="8"/>
      <c r="F184" s="8"/>
      <c r="G184" s="2"/>
    </row>
    <row r="185" spans="1:7" s="3" customFormat="1" ht="20.100000000000001" customHeight="1" x14ac:dyDescent="0.25">
      <c r="A185" s="33" t="s">
        <v>42</v>
      </c>
      <c r="B185" s="55"/>
      <c r="C185" s="1"/>
      <c r="D185" s="1"/>
      <c r="E185" s="34" t="s">
        <v>43</v>
      </c>
      <c r="F185" s="196"/>
      <c r="G185" s="196"/>
    </row>
    <row r="186" spans="1:7" s="3" customFormat="1" ht="20.100000000000001" customHeight="1" x14ac:dyDescent="0.25">
      <c r="A186" s="51" t="s">
        <v>44</v>
      </c>
      <c r="B186" s="56"/>
      <c r="C186" s="1"/>
      <c r="D186" s="1"/>
      <c r="E186" s="35"/>
      <c r="F186" s="36"/>
      <c r="G186" s="36"/>
    </row>
    <row r="187" spans="1:7" ht="20.100000000000001" customHeight="1" x14ac:dyDescent="0.2">
      <c r="E187" s="37" t="s">
        <v>45</v>
      </c>
      <c r="F187" s="197"/>
      <c r="G187" s="197"/>
    </row>
    <row r="188" spans="1:7" s="2" customFormat="1" ht="20.100000000000001" customHeight="1" x14ac:dyDescent="0.2">
      <c r="A188" s="1"/>
      <c r="B188" s="1"/>
      <c r="C188" s="1"/>
      <c r="D188" s="1"/>
      <c r="E188" s="37" t="s">
        <v>46</v>
      </c>
      <c r="F188" s="198"/>
      <c r="G188" s="198"/>
    </row>
    <row r="189" spans="1:7" s="2" customFormat="1" ht="20.100000000000001" customHeight="1" x14ac:dyDescent="0.2">
      <c r="A189" s="1"/>
      <c r="B189" s="1"/>
      <c r="C189" s="1"/>
      <c r="D189" s="1"/>
      <c r="E189" s="38" t="s">
        <v>47</v>
      </c>
      <c r="F189" s="1"/>
    </row>
    <row r="190" spans="1:7" s="2" customFormat="1" ht="37.5" customHeight="1" x14ac:dyDescent="0.25"/>
    <row r="191" spans="1:7" s="2" customFormat="1" ht="24" customHeight="1" x14ac:dyDescent="0.25"/>
    <row r="192" spans="1:7" s="2" customFormat="1" ht="24" customHeight="1" x14ac:dyDescent="0.25"/>
    <row r="193" spans="1:6" s="2" customFormat="1" ht="24" customHeight="1" x14ac:dyDescent="0.25"/>
    <row r="194" spans="1:6" s="2" customFormat="1" ht="20.100000000000001" customHeight="1" x14ac:dyDescent="0.25"/>
    <row r="195" spans="1:6" s="2" customFormat="1" ht="20.100000000000001" customHeight="1" x14ac:dyDescent="0.25"/>
    <row r="196" spans="1:6" s="2" customFormat="1" ht="50.1" customHeight="1" x14ac:dyDescent="0.25"/>
    <row r="197" spans="1:6" s="2" customFormat="1" ht="43.5" customHeight="1" x14ac:dyDescent="0.25"/>
    <row r="198" spans="1:6" ht="24.75" customHeight="1" x14ac:dyDescent="0.2">
      <c r="A198" s="2"/>
      <c r="B198" s="2"/>
      <c r="C198" s="2"/>
      <c r="D198" s="2"/>
      <c r="E198" s="2"/>
      <c r="F198" s="2"/>
    </row>
    <row r="199" spans="1:6" x14ac:dyDescent="0.2">
      <c r="A199" s="2"/>
      <c r="B199" s="2"/>
      <c r="C199" s="2"/>
      <c r="D199" s="2"/>
      <c r="E199" s="2"/>
      <c r="F199" s="2"/>
    </row>
    <row r="200" spans="1:6" ht="20.100000000000001" customHeight="1" x14ac:dyDescent="0.2"/>
    <row r="201" spans="1:6" ht="4.5" customHeight="1" x14ac:dyDescent="0.2"/>
    <row r="202" spans="1:6" ht="20.100000000000001" customHeight="1" x14ac:dyDescent="0.2"/>
    <row r="203" spans="1:6" ht="20.100000000000001" customHeight="1" x14ac:dyDescent="0.2"/>
    <row r="204" spans="1:6" ht="20.100000000000001" customHeight="1" x14ac:dyDescent="0.2"/>
  </sheetData>
  <mergeCells count="226">
    <mergeCell ref="B159:D159"/>
    <mergeCell ref="B155:D155"/>
    <mergeCell ref="F137:G137"/>
    <mergeCell ref="F139:G139"/>
    <mergeCell ref="F140:G140"/>
    <mergeCell ref="F141:G141"/>
    <mergeCell ref="F142:G142"/>
    <mergeCell ref="F143:G143"/>
    <mergeCell ref="F144:G144"/>
    <mergeCell ref="F145:G145"/>
    <mergeCell ref="F146:G146"/>
    <mergeCell ref="B137:D137"/>
    <mergeCell ref="B139:D139"/>
    <mergeCell ref="B140:D140"/>
    <mergeCell ref="B141:D141"/>
    <mergeCell ref="B142:D142"/>
    <mergeCell ref="B143:D143"/>
    <mergeCell ref="B144:D144"/>
    <mergeCell ref="B145:D145"/>
    <mergeCell ref="B146:D146"/>
    <mergeCell ref="B127:D127"/>
    <mergeCell ref="B130:D130"/>
    <mergeCell ref="B131:D131"/>
    <mergeCell ref="B132:D132"/>
    <mergeCell ref="B133:D133"/>
    <mergeCell ref="B134:D134"/>
    <mergeCell ref="B135:D135"/>
    <mergeCell ref="B136:D136"/>
    <mergeCell ref="B129:D129"/>
    <mergeCell ref="F128:G128"/>
    <mergeCell ref="F127:G127"/>
    <mergeCell ref="F130:G130"/>
    <mergeCell ref="F132:G132"/>
    <mergeCell ref="F133:G133"/>
    <mergeCell ref="F134:G134"/>
    <mergeCell ref="F135:G135"/>
    <mergeCell ref="F136:G136"/>
    <mergeCell ref="F131:G131"/>
    <mergeCell ref="F129:G129"/>
    <mergeCell ref="F185:G185"/>
    <mergeCell ref="F187:G187"/>
    <mergeCell ref="F188:G188"/>
    <mergeCell ref="A181:G181"/>
    <mergeCell ref="A182:G182"/>
    <mergeCell ref="F169:G169"/>
    <mergeCell ref="A164:B165"/>
    <mergeCell ref="E164:G164"/>
    <mergeCell ref="F165:G165"/>
    <mergeCell ref="A172:G172"/>
    <mergeCell ref="B173:G173"/>
    <mergeCell ref="B174:G174"/>
    <mergeCell ref="A175:F175"/>
    <mergeCell ref="F166:G166"/>
    <mergeCell ref="F167:G167"/>
    <mergeCell ref="B166:D166"/>
    <mergeCell ref="B167:D167"/>
    <mergeCell ref="B169:D169"/>
    <mergeCell ref="B168:D168"/>
    <mergeCell ref="F168:G168"/>
    <mergeCell ref="B170:D170"/>
    <mergeCell ref="F170:G170"/>
    <mergeCell ref="A37:B38"/>
    <mergeCell ref="F43:G43"/>
    <mergeCell ref="F62:G62"/>
    <mergeCell ref="F51:G51"/>
    <mergeCell ref="F54:G54"/>
    <mergeCell ref="F55:G55"/>
    <mergeCell ref="F56:G56"/>
    <mergeCell ref="F57:G57"/>
    <mergeCell ref="F58:G58"/>
    <mergeCell ref="F59:G59"/>
    <mergeCell ref="F60:G60"/>
    <mergeCell ref="F49:G49"/>
    <mergeCell ref="A48:B48"/>
    <mergeCell ref="A39:B39"/>
    <mergeCell ref="F45:G45"/>
    <mergeCell ref="F46:G46"/>
    <mergeCell ref="F47:G47"/>
    <mergeCell ref="F48:G48"/>
    <mergeCell ref="F50:G50"/>
    <mergeCell ref="F52:G52"/>
    <mergeCell ref="C37:D37"/>
    <mergeCell ref="F40:G40"/>
    <mergeCell ref="F41:G41"/>
    <mergeCell ref="F42:G42"/>
    <mergeCell ref="A1:G1"/>
    <mergeCell ref="A12:E12"/>
    <mergeCell ref="A23:B23"/>
    <mergeCell ref="A26:B26"/>
    <mergeCell ref="F126:G126"/>
    <mergeCell ref="F121:G121"/>
    <mergeCell ref="F122:G122"/>
    <mergeCell ref="F123:G123"/>
    <mergeCell ref="F124:G124"/>
    <mergeCell ref="F125:G125"/>
    <mergeCell ref="A2:G2"/>
    <mergeCell ref="F115:G115"/>
    <mergeCell ref="A20:E20"/>
    <mergeCell ref="E108:G108"/>
    <mergeCell ref="F109:G109"/>
    <mergeCell ref="F61:G61"/>
    <mergeCell ref="F64:G64"/>
    <mergeCell ref="F65:G65"/>
    <mergeCell ref="F67:G67"/>
    <mergeCell ref="F84:G84"/>
    <mergeCell ref="F85:G85"/>
    <mergeCell ref="F86:G86"/>
    <mergeCell ref="F38:G38"/>
    <mergeCell ref="A43:B43"/>
    <mergeCell ref="H162:H169"/>
    <mergeCell ref="A3:G3"/>
    <mergeCell ref="A7:G7"/>
    <mergeCell ref="A8:G8"/>
    <mergeCell ref="A9:G9"/>
    <mergeCell ref="A11:G11"/>
    <mergeCell ref="A13:E13"/>
    <mergeCell ref="A33:G33"/>
    <mergeCell ref="A35:B36"/>
    <mergeCell ref="E35:G35"/>
    <mergeCell ref="F36:G36"/>
    <mergeCell ref="A22:G22"/>
    <mergeCell ref="B27:E27"/>
    <mergeCell ref="B28:E28"/>
    <mergeCell ref="A16:E16"/>
    <mergeCell ref="A17:E17"/>
    <mergeCell ref="A18:G18"/>
    <mergeCell ref="A19:G19"/>
    <mergeCell ref="F83:G83"/>
    <mergeCell ref="A21:G21"/>
    <mergeCell ref="B123:D123"/>
    <mergeCell ref="B124:D124"/>
    <mergeCell ref="F87:G87"/>
    <mergeCell ref="F44:G44"/>
    <mergeCell ref="F68:G68"/>
    <mergeCell ref="F117:G117"/>
    <mergeCell ref="F118:G118"/>
    <mergeCell ref="F119:G119"/>
    <mergeCell ref="F120:G120"/>
    <mergeCell ref="F110:G110"/>
    <mergeCell ref="F113:G113"/>
    <mergeCell ref="F114:G114"/>
    <mergeCell ref="A106:G106"/>
    <mergeCell ref="F103:G103"/>
    <mergeCell ref="F104:G104"/>
    <mergeCell ref="F111:G111"/>
    <mergeCell ref="F112:G112"/>
    <mergeCell ref="F116:G116"/>
    <mergeCell ref="A77:B77"/>
    <mergeCell ref="A68:B68"/>
    <mergeCell ref="F69:G69"/>
    <mergeCell ref="F70:G70"/>
    <mergeCell ref="F88:G88"/>
    <mergeCell ref="B111:D111"/>
    <mergeCell ref="B112:D112"/>
    <mergeCell ref="F66:G66"/>
    <mergeCell ref="F53:G53"/>
    <mergeCell ref="F75:G75"/>
    <mergeCell ref="F76:G76"/>
    <mergeCell ref="B125:D125"/>
    <mergeCell ref="B126:D126"/>
    <mergeCell ref="B128:D128"/>
    <mergeCell ref="A108:D109"/>
    <mergeCell ref="B110:D110"/>
    <mergeCell ref="B113:D113"/>
    <mergeCell ref="B114:D114"/>
    <mergeCell ref="B115:D115"/>
    <mergeCell ref="B116:D116"/>
    <mergeCell ref="B117:D117"/>
    <mergeCell ref="B118:D118"/>
    <mergeCell ref="B119:D119"/>
    <mergeCell ref="B120:D120"/>
    <mergeCell ref="B121:D121"/>
    <mergeCell ref="B122:D122"/>
    <mergeCell ref="A58:B58"/>
    <mergeCell ref="F101:G101"/>
    <mergeCell ref="F102:G102"/>
    <mergeCell ref="A92:B92"/>
    <mergeCell ref="A84:B84"/>
    <mergeCell ref="A162:G162"/>
    <mergeCell ref="F138:G138"/>
    <mergeCell ref="F152:G152"/>
    <mergeCell ref="F153:G153"/>
    <mergeCell ref="F160:G160"/>
    <mergeCell ref="B138:D138"/>
    <mergeCell ref="B152:D152"/>
    <mergeCell ref="B153:D153"/>
    <mergeCell ref="B154:D154"/>
    <mergeCell ref="B147:D147"/>
    <mergeCell ref="B148:D148"/>
    <mergeCell ref="B149:D149"/>
    <mergeCell ref="B150:D150"/>
    <mergeCell ref="B151:D151"/>
    <mergeCell ref="F147:G147"/>
    <mergeCell ref="F148:G148"/>
    <mergeCell ref="F149:G149"/>
    <mergeCell ref="F150:G150"/>
    <mergeCell ref="F151:G151"/>
    <mergeCell ref="B160:D160"/>
    <mergeCell ref="F154:G154"/>
    <mergeCell ref="B156:D156"/>
    <mergeCell ref="B157:D157"/>
    <mergeCell ref="B158:D158"/>
    <mergeCell ref="F39:G39"/>
    <mergeCell ref="F63:G63"/>
    <mergeCell ref="F98:G98"/>
    <mergeCell ref="F99:G99"/>
    <mergeCell ref="F100:G100"/>
    <mergeCell ref="F71:G71"/>
    <mergeCell ref="F72:G72"/>
    <mergeCell ref="F73:G73"/>
    <mergeCell ref="F74:G74"/>
    <mergeCell ref="F89:G89"/>
    <mergeCell ref="F90:G90"/>
    <mergeCell ref="F91:G91"/>
    <mergeCell ref="F92:G92"/>
    <mergeCell ref="F93:G93"/>
    <mergeCell ref="F94:G94"/>
    <mergeCell ref="F95:G95"/>
    <mergeCell ref="F96:G96"/>
    <mergeCell ref="F97:G97"/>
    <mergeCell ref="F77:G77"/>
    <mergeCell ref="F78:G78"/>
    <mergeCell ref="F79:G79"/>
    <mergeCell ref="F80:G80"/>
    <mergeCell ref="F81:G81"/>
    <mergeCell ref="F82:G82"/>
  </mergeCells>
  <phoneticPr fontId="14" type="noConversion"/>
  <conditionalFormatting sqref="B185:B186 B4:B5 B176:B179 E39:E103">
    <cfRule type="containsBlanks" dxfId="11" priority="30">
      <formula>LEN(TRIM(B4))=0</formula>
    </cfRule>
  </conditionalFormatting>
  <conditionalFormatting sqref="F187:G187">
    <cfRule type="containsBlanks" dxfId="10" priority="29">
      <formula>LEN(TRIM(F187))=0</formula>
    </cfRule>
  </conditionalFormatting>
  <conditionalFormatting sqref="F188:G188">
    <cfRule type="containsBlanks" dxfId="9" priority="28">
      <formula>LEN(TRIM(F188))=0</formula>
    </cfRule>
  </conditionalFormatting>
  <conditionalFormatting sqref="E110:E120 E129:E150 E152:E160">
    <cfRule type="containsBlanks" dxfId="8" priority="20">
      <formula>LEN(TRIM(E110))=0</formula>
    </cfRule>
  </conditionalFormatting>
  <conditionalFormatting sqref="E166">
    <cfRule type="containsBlanks" dxfId="7" priority="19">
      <formula>LEN(TRIM(E166))=0</formula>
    </cfRule>
  </conditionalFormatting>
  <conditionalFormatting sqref="E167:E168">
    <cfRule type="containsBlanks" dxfId="6" priority="18">
      <formula>LEN(TRIM(E167))=0</formula>
    </cfRule>
  </conditionalFormatting>
  <conditionalFormatting sqref="E169">
    <cfRule type="containsBlanks" dxfId="5" priority="16">
      <formula>LEN(TRIM(E169))=0</formula>
    </cfRule>
  </conditionalFormatting>
  <conditionalFormatting sqref="E38">
    <cfRule type="containsBlanks" dxfId="4" priority="5">
      <formula>LEN(TRIM(E38))=0</formula>
    </cfRule>
  </conditionalFormatting>
  <conditionalFormatting sqref="E104">
    <cfRule type="containsBlanks" dxfId="3" priority="4">
      <formula>LEN(TRIM(E104))=0</formula>
    </cfRule>
  </conditionalFormatting>
  <conditionalFormatting sqref="E170">
    <cfRule type="containsBlanks" dxfId="2" priority="3">
      <formula>LEN(TRIM(E170))=0</formula>
    </cfRule>
  </conditionalFormatting>
  <conditionalFormatting sqref="E121:E128">
    <cfRule type="containsBlanks" dxfId="1" priority="2">
      <formula>LEN(TRIM(E121))=0</formula>
    </cfRule>
  </conditionalFormatting>
  <conditionalFormatting sqref="E151">
    <cfRule type="containsBlanks" dxfId="0" priority="1">
      <formula>LEN(TRIM(E151))=0</formula>
    </cfRule>
  </conditionalFormatting>
  <hyperlinks>
    <hyperlink ref="B160" r:id="rId1" tooltip="http://www.vusch.sk" display="http://www.vusch.sk/"/>
    <hyperlink ref="C160" r:id="rId2" tooltip="http://www.vusch.sk" display="http://www.vusch.sk/"/>
    <hyperlink ref="D160" r:id="rId3" tooltip="http://www.vusch.sk" display="http://www.vusch.sk/"/>
  </hyperlinks>
  <pageMargins left="0.7" right="0.7" top="0.97499999999999998" bottom="0.75" header="0.3" footer="0.3"/>
  <pageSetup paperSize="9" scale="44" fitToHeight="0" orientation="portrait" r:id="rId4"/>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59" max="8" man="1"/>
    <brk id="134" max="9" man="1"/>
    <brk id="161" max="8" man="1"/>
  </rowBreaks>
  <drawing r:id="rId5"/>
  <legacyDrawing r:id="rId6"/>
  <mc:AlternateContent xmlns:mc="http://schemas.openxmlformats.org/markup-compatibility/2006">
    <mc:Choice Requires="x14">
      <controls>
        <mc:AlternateContent xmlns:mc="http://schemas.openxmlformats.org/markup-compatibility/2006">
          <mc:Choice Requires="x14">
            <control shapeId="8195" r:id="rId7" name="Check Box 3">
              <controlPr defaultSize="0" autoFill="0" autoLine="0" autoPict="0">
                <anchor moveWithCells="1">
                  <from>
                    <xdr:col>0</xdr:col>
                    <xdr:colOff>628650</xdr:colOff>
                    <xdr:row>23</xdr:row>
                    <xdr:rowOff>0</xdr:rowOff>
                  </from>
                  <to>
                    <xdr:col>1</xdr:col>
                    <xdr:colOff>76200</xdr:colOff>
                    <xdr:row>23</xdr:row>
                    <xdr:rowOff>219075</xdr:rowOff>
                  </to>
                </anchor>
              </controlPr>
            </control>
          </mc:Choice>
        </mc:AlternateContent>
        <mc:AlternateContent xmlns:mc="http://schemas.openxmlformats.org/markup-compatibility/2006">
          <mc:Choice Requires="x14">
            <control shapeId="8196" r:id="rId8" name="Check Box 4">
              <controlPr defaultSize="0" autoFill="0" autoLine="0" autoPict="0">
                <anchor moveWithCells="1">
                  <from>
                    <xdr:col>0</xdr:col>
                    <xdr:colOff>628650</xdr:colOff>
                    <xdr:row>24</xdr:row>
                    <xdr:rowOff>9525</xdr:rowOff>
                  </from>
                  <to>
                    <xdr:col>1</xdr:col>
                    <xdr:colOff>76200</xdr:colOff>
                    <xdr:row>24</xdr:row>
                    <xdr:rowOff>228600</xdr:rowOff>
                  </to>
                </anchor>
              </controlPr>
            </control>
          </mc:Choice>
        </mc:AlternateContent>
        <mc:AlternateContent xmlns:mc="http://schemas.openxmlformats.org/markup-compatibility/2006">
          <mc:Choice Requires="x14">
            <control shapeId="8197" r:id="rId9" name="Check Box 5">
              <controlPr defaultSize="0" autoFill="0" autoLine="0" autoPict="0">
                <anchor moveWithCells="1">
                  <from>
                    <xdr:col>0</xdr:col>
                    <xdr:colOff>628650</xdr:colOff>
                    <xdr:row>29</xdr:row>
                    <xdr:rowOff>9525</xdr:rowOff>
                  </from>
                  <to>
                    <xdr:col>1</xdr:col>
                    <xdr:colOff>76200</xdr:colOff>
                    <xdr:row>29</xdr:row>
                    <xdr:rowOff>228600</xdr:rowOff>
                  </to>
                </anchor>
              </controlPr>
            </control>
          </mc:Choice>
        </mc:AlternateContent>
        <mc:AlternateContent xmlns:mc="http://schemas.openxmlformats.org/markup-compatibility/2006">
          <mc:Choice Requires="x14">
            <control shapeId="8198" r:id="rId10" name="Check Box 6">
              <controlPr defaultSize="0" autoFill="0" autoLine="0" autoPict="0">
                <anchor moveWithCells="1">
                  <from>
                    <xdr:col>0</xdr:col>
                    <xdr:colOff>628650</xdr:colOff>
                    <xdr:row>30</xdr:row>
                    <xdr:rowOff>0</xdr:rowOff>
                  </from>
                  <to>
                    <xdr:col>1</xdr:col>
                    <xdr:colOff>76200</xdr:colOff>
                    <xdr:row>30</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Kovalíková Lenka</cp:lastModifiedBy>
  <cp:lastPrinted>2020-11-19T14:06:09Z</cp:lastPrinted>
  <dcterms:created xsi:type="dcterms:W3CDTF">2017-04-21T05:51:15Z</dcterms:created>
  <dcterms:modified xsi:type="dcterms:W3CDTF">2022-03-10T07:07:09Z</dcterms:modified>
</cp:coreProperties>
</file>